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PUBLICAÇÃO\IG\2018\5º Bim 2018 RREO PUBLICAÇÃO\"/>
    </mc:Choice>
  </mc:AlternateContent>
  <bookViews>
    <workbookView xWindow="0" yWindow="0" windowWidth="20490" windowHeight="7650" firstSheet="8" activeTab="8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8512" uniqueCount="3891">
  <si>
    <t>GOVERNO DO ESTADO DE MATO GROSSO DO SUL</t>
  </si>
  <si>
    <t>Relatório Resumido de Execução Orçamentária</t>
  </si>
  <si>
    <t>Anexo 1 - Balanço Orçamentário</t>
  </si>
  <si>
    <t>Orçamentos Fiscal e da Seguridade Social</t>
  </si>
  <si>
    <t>Setembro até Outubro - 5º Bimestre/2018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13202358800,00</t>
  </si>
  <si>
    <t>14229022112,00</t>
  </si>
  <si>
    <t>2191861619,93</t>
  </si>
  <si>
    <t>15,40</t>
  </si>
  <si>
    <t>10352546102,22</t>
  </si>
  <si>
    <t>72,76</t>
  </si>
  <si>
    <t>3876476009,78</t>
  </si>
  <si>
    <t>2</t>
  </si>
  <si>
    <t xml:space="preserve">         RECEITAS CORRENTES</t>
  </si>
  <si>
    <t>11578561400,00</t>
  </si>
  <si>
    <t>12564072670,00</t>
  </si>
  <si>
    <t>1768047627,09</t>
  </si>
  <si>
    <t>14,07</t>
  </si>
  <si>
    <t>9425830421,59</t>
  </si>
  <si>
    <t>75,02</t>
  </si>
  <si>
    <t>3138242248,41</t>
  </si>
  <si>
    <t>3</t>
  </si>
  <si>
    <t xml:space="preserve">            IMPOSTOS, TAXAS E CONTRIBUIÇÕES DE MELHORIA</t>
  </si>
  <si>
    <t>6381070700,00</t>
  </si>
  <si>
    <t>6423205901,83</t>
  </si>
  <si>
    <t>1029305593,70</t>
  </si>
  <si>
    <t>16,02</t>
  </si>
  <si>
    <t>5492397920,93</t>
  </si>
  <si>
    <t>85,51</t>
  </si>
  <si>
    <t>930807980,90</t>
  </si>
  <si>
    <t>4</t>
  </si>
  <si>
    <t xml:space="preserve">               Impostos</t>
  </si>
  <si>
    <t>6115173000,00</t>
  </si>
  <si>
    <t>6120173000,00</t>
  </si>
  <si>
    <t>993587764,49</t>
  </si>
  <si>
    <t>16,23</t>
  </si>
  <si>
    <t>5276635806,76</t>
  </si>
  <si>
    <t>86,22</t>
  </si>
  <si>
    <t>843537193,24</t>
  </si>
  <si>
    <t>5</t>
  </si>
  <si>
    <t xml:space="preserve">               Taxas</t>
  </si>
  <si>
    <t>265897700,00</t>
  </si>
  <si>
    <t>303032901,83</t>
  </si>
  <si>
    <t>35717829,21</t>
  </si>
  <si>
    <t>11,79</t>
  </si>
  <si>
    <t>215762114,17</t>
  </si>
  <si>
    <t>71,20</t>
  </si>
  <si>
    <t>87270787,66</t>
  </si>
  <si>
    <t>6</t>
  </si>
  <si>
    <t xml:space="preserve">               Contribuição de Melhoria</t>
  </si>
  <si>
    <t>0,00</t>
  </si>
  <si>
    <t>7</t>
  </si>
  <si>
    <t xml:space="preserve">            CONTRIBUIÇÕES</t>
  </si>
  <si>
    <t>640844200,00</t>
  </si>
  <si>
    <t>1210479227,00</t>
  </si>
  <si>
    <t>97606804,84</t>
  </si>
  <si>
    <t>8,06</t>
  </si>
  <si>
    <t>504129698,70</t>
  </si>
  <si>
    <t>41,65</t>
  </si>
  <si>
    <t>706349528,30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333999600,00</t>
  </si>
  <si>
    <t>335881600,00</t>
  </si>
  <si>
    <t>12559644,56</t>
  </si>
  <si>
    <t>3,74</t>
  </si>
  <si>
    <t>93504808,32</t>
  </si>
  <si>
    <t>27,84</t>
  </si>
  <si>
    <t>242376791,68</t>
  </si>
  <si>
    <t>13</t>
  </si>
  <si>
    <t xml:space="preserve">               Exploração do Patrimônio Imobiliário do Estado</t>
  </si>
  <si>
    <t>2425700,00</t>
  </si>
  <si>
    <t>2427700,00</t>
  </si>
  <si>
    <t>455882,22</t>
  </si>
  <si>
    <t>18,78</t>
  </si>
  <si>
    <t>1576711,40</t>
  </si>
  <si>
    <t>64,95</t>
  </si>
  <si>
    <t>850988,60</t>
  </si>
  <si>
    <t>14</t>
  </si>
  <si>
    <t xml:space="preserve">               Valores Mobiliários</t>
  </si>
  <si>
    <t>280973700,00</t>
  </si>
  <si>
    <t>282853700,00</t>
  </si>
  <si>
    <t>8573239,05</t>
  </si>
  <si>
    <t>3,03</t>
  </si>
  <si>
    <t>52481575,16</t>
  </si>
  <si>
    <t>18,55</t>
  </si>
  <si>
    <t>230372124,84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32550200,00</t>
  </si>
  <si>
    <t>639590,24</t>
  </si>
  <si>
    <t>1,96</t>
  </si>
  <si>
    <t>24312064,95</t>
  </si>
  <si>
    <t>74,69</t>
  </si>
  <si>
    <t>8238135,05</t>
  </si>
  <si>
    <t>17</t>
  </si>
  <si>
    <t xml:space="preserve">               Exploração do Patrimônio Intangível</t>
  </si>
  <si>
    <t>18</t>
  </si>
  <si>
    <t xml:space="preserve">               Cessão de Direitos</t>
  </si>
  <si>
    <t>18050000,00</t>
  </si>
  <si>
    <t>2890933,05</t>
  </si>
  <si>
    <t>15134456,81</t>
  </si>
  <si>
    <t>83,85</t>
  </si>
  <si>
    <t>2915543,19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586016600,00</t>
  </si>
  <si>
    <t>926188495,49</t>
  </si>
  <si>
    <t>143430564,97</t>
  </si>
  <si>
    <t>15,49</t>
  </si>
  <si>
    <t>678125342,77</t>
  </si>
  <si>
    <t>73,22</t>
  </si>
  <si>
    <t>248063152,72</t>
  </si>
  <si>
    <t>23</t>
  </si>
  <si>
    <t xml:space="preserve">               Serviços Administrativos e Comerciais Gerais</t>
  </si>
  <si>
    <t>506907900,00</t>
  </si>
  <si>
    <t>847079795,49</t>
  </si>
  <si>
    <t>132466897,88</t>
  </si>
  <si>
    <t>15,64</t>
  </si>
  <si>
    <t>623419474,71</t>
  </si>
  <si>
    <t>73,60</t>
  </si>
  <si>
    <t>223660320,78</t>
  </si>
  <si>
    <t>24</t>
  </si>
  <si>
    <t xml:space="preserve">               Serviços e Atividades Referentes à Navegação e ao Transporte</t>
  </si>
  <si>
    <t>1084000,00</t>
  </si>
  <si>
    <t>245378,40</t>
  </si>
  <si>
    <t>22,64</t>
  </si>
  <si>
    <t>1156902,61</t>
  </si>
  <si>
    <t>106,73</t>
  </si>
  <si>
    <t>-72902,61</t>
  </si>
  <si>
    <t>25</t>
  </si>
  <si>
    <t xml:space="preserve">               Serviços e Atividades referentes à Saúde</t>
  </si>
  <si>
    <t>71006700,00</t>
  </si>
  <si>
    <t>9089161,82</t>
  </si>
  <si>
    <t>12,80</t>
  </si>
  <si>
    <t>47374219,74</t>
  </si>
  <si>
    <t>66,72</t>
  </si>
  <si>
    <t>23632480,26</t>
  </si>
  <si>
    <t>26</t>
  </si>
  <si>
    <t xml:space="preserve">               Serviços e Atividades Financeiras</t>
  </si>
  <si>
    <t>27</t>
  </si>
  <si>
    <t xml:space="preserve">               Outros Serviços</t>
  </si>
  <si>
    <t>7018000,00</t>
  </si>
  <si>
    <t>1629126,87</t>
  </si>
  <si>
    <t>23,21</t>
  </si>
  <si>
    <t>6174745,71</t>
  </si>
  <si>
    <t>87,98</t>
  </si>
  <si>
    <t>843254,29</t>
  </si>
  <si>
    <t>28</t>
  </si>
  <si>
    <t xml:space="preserve">            TRANSFERÊNCIAS CORRENTES</t>
  </si>
  <si>
    <t>3497656000,00</t>
  </si>
  <si>
    <t>3513611000,00</t>
  </si>
  <si>
    <t>469721181,90</t>
  </si>
  <si>
    <t>13,37</t>
  </si>
  <si>
    <t>2577095958,51</t>
  </si>
  <si>
    <t>73,35</t>
  </si>
  <si>
    <t>936515041,49</t>
  </si>
  <si>
    <t>29</t>
  </si>
  <si>
    <t xml:space="preserve">               Transferências da União e de suas Entidades</t>
  </si>
  <si>
    <t>1736945900,00</t>
  </si>
  <si>
    <t>1752900900,00</t>
  </si>
  <si>
    <t>185210605,04</t>
  </si>
  <si>
    <t>10,57</t>
  </si>
  <si>
    <t>1107540686,85</t>
  </si>
  <si>
    <t>63,18</t>
  </si>
  <si>
    <t>645360213,15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82400,00</t>
  </si>
  <si>
    <t>5466,28</t>
  </si>
  <si>
    <t>1,43</t>
  </si>
  <si>
    <t>883000,46</t>
  </si>
  <si>
    <t>230,91</t>
  </si>
  <si>
    <t>-500600,46</t>
  </si>
  <si>
    <t>32</t>
  </si>
  <si>
    <t xml:space="preserve">               Transferências de Instituições Privadas</t>
  </si>
  <si>
    <t>732130400,00</t>
  </si>
  <si>
    <t>115025151,32</t>
  </si>
  <si>
    <t>15,71</t>
  </si>
  <si>
    <t>602584303,29</t>
  </si>
  <si>
    <t>82,31</t>
  </si>
  <si>
    <t>129546096,71</t>
  </si>
  <si>
    <t>33</t>
  </si>
  <si>
    <t xml:space="preserve">               Transferências de Outras Instituições Públicas</t>
  </si>
  <si>
    <t>1027399300,00</t>
  </si>
  <si>
    <t>169397006,46</t>
  </si>
  <si>
    <t>16,49</t>
  </si>
  <si>
    <t>865453554,08</t>
  </si>
  <si>
    <t>84,24</t>
  </si>
  <si>
    <t>161945745,92</t>
  </si>
  <si>
    <t>34</t>
  </si>
  <si>
    <t xml:space="preserve">               Transferências do Exterior</t>
  </si>
  <si>
    <t>798000,00</t>
  </si>
  <si>
    <t>82952,80</t>
  </si>
  <si>
    <t>10,40</t>
  </si>
  <si>
    <t>634413,83</t>
  </si>
  <si>
    <t>79,50</t>
  </si>
  <si>
    <t>163586,17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138974300,00</t>
  </si>
  <si>
    <t>154706445,68</t>
  </si>
  <si>
    <t>15423837,12</t>
  </si>
  <si>
    <t>9,97</t>
  </si>
  <si>
    <t>80576692,36</t>
  </si>
  <si>
    <t>52,08</t>
  </si>
  <si>
    <t>74129753,32</t>
  </si>
  <si>
    <t>38</t>
  </si>
  <si>
    <t xml:space="preserve">               Multas Administrativas, Contratuais e Judiciais</t>
  </si>
  <si>
    <t>44516500,00</t>
  </si>
  <si>
    <t>59229045,68</t>
  </si>
  <si>
    <t>8463988,26</t>
  </si>
  <si>
    <t>14,29</t>
  </si>
  <si>
    <t>37508408,24</t>
  </si>
  <si>
    <t>63,33</t>
  </si>
  <si>
    <t>21720637,44</t>
  </si>
  <si>
    <t>39</t>
  </si>
  <si>
    <t xml:space="preserve">               Indenizações, Restituições e Ressarcimentos</t>
  </si>
  <si>
    <t>72619100,00</t>
  </si>
  <si>
    <t>73013000,00</t>
  </si>
  <si>
    <t>4764320,68</t>
  </si>
  <si>
    <t>6,53</t>
  </si>
  <si>
    <t>25112214,77</t>
  </si>
  <si>
    <t>34,39</t>
  </si>
  <si>
    <t>47900785,23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21838700,00</t>
  </si>
  <si>
    <t>22464400,00</t>
  </si>
  <si>
    <t>2195528,18</t>
  </si>
  <si>
    <t>9,77</t>
  </si>
  <si>
    <t>17956069,35</t>
  </si>
  <si>
    <t>79,93</t>
  </si>
  <si>
    <t>4508330,65</t>
  </si>
  <si>
    <t>42</t>
  </si>
  <si>
    <t xml:space="preserve">         RECEITAS DE CAPITAL</t>
  </si>
  <si>
    <t>1623797400,00</t>
  </si>
  <si>
    <t>1664949442,00</t>
  </si>
  <si>
    <t>423813992,84</t>
  </si>
  <si>
    <t>25,46</t>
  </si>
  <si>
    <t>926715680,63</t>
  </si>
  <si>
    <t>55,66</t>
  </si>
  <si>
    <t>738233761,37</t>
  </si>
  <si>
    <t>43</t>
  </si>
  <si>
    <t xml:space="preserve">            OPERAÇÕES DE CRÉDITO</t>
  </si>
  <si>
    <t>22665700,00</t>
  </si>
  <si>
    <t>5500000,00</t>
  </si>
  <si>
    <t>24,27</t>
  </si>
  <si>
    <t>17613400,00</t>
  </si>
  <si>
    <t>77,71</t>
  </si>
  <si>
    <t>5052300,00</t>
  </si>
  <si>
    <t>44</t>
  </si>
  <si>
    <t xml:space="preserve">               Operações de Crédito - Mercado Interno</t>
  </si>
  <si>
    <t>10000000,00</t>
  </si>
  <si>
    <t>55,00</t>
  </si>
  <si>
    <t>176,13</t>
  </si>
  <si>
    <t>-7613400,00</t>
  </si>
  <si>
    <t>45</t>
  </si>
  <si>
    <t xml:space="preserve">               Operações de Crédito - Mercado Externo</t>
  </si>
  <si>
    <t>12665700,00</t>
  </si>
  <si>
    <t>46</t>
  </si>
  <si>
    <t xml:space="preserve">            ALIENAÇÃO DE BENS</t>
  </si>
  <si>
    <t>2000000,00</t>
  </si>
  <si>
    <t>3547200,00</t>
  </si>
  <si>
    <t>1325916,67</t>
  </si>
  <si>
    <t>37,38</t>
  </si>
  <si>
    <t>4192533,49</t>
  </si>
  <si>
    <t>118,19</t>
  </si>
  <si>
    <t>-645333,49</t>
  </si>
  <si>
    <t>47</t>
  </si>
  <si>
    <t xml:space="preserve">               Alienação de Bens Móveis</t>
  </si>
  <si>
    <t>1206715,00</t>
  </si>
  <si>
    <t>60,34</t>
  </si>
  <si>
    <t>2433097,44</t>
  </si>
  <si>
    <t>121,65</t>
  </si>
  <si>
    <t>-433097,44</t>
  </si>
  <si>
    <t>48</t>
  </si>
  <si>
    <t xml:space="preserve">               Alienação de Bens Imóveis</t>
  </si>
  <si>
    <t>1547200,00</t>
  </si>
  <si>
    <t>119201,67</t>
  </si>
  <si>
    <t>7,70</t>
  </si>
  <si>
    <t>1759436,05</t>
  </si>
  <si>
    <t>113,72</t>
  </si>
  <si>
    <t>-212236,05</t>
  </si>
  <si>
    <t>49</t>
  </si>
  <si>
    <t xml:space="preserve">               Alienação de Bens Intangíveis</t>
  </si>
  <si>
    <t>50</t>
  </si>
  <si>
    <t xml:space="preserve">            AMORTIZAÇÕES DE EMPRÉSTIMOS</t>
  </si>
  <si>
    <t>4212600,00</t>
  </si>
  <si>
    <t>5582600,00</t>
  </si>
  <si>
    <t>1079497,75</t>
  </si>
  <si>
    <t>19,34</t>
  </si>
  <si>
    <t>4962080,21</t>
  </si>
  <si>
    <t>88,88</t>
  </si>
  <si>
    <t>620519,79</t>
  </si>
  <si>
    <t>51</t>
  </si>
  <si>
    <t xml:space="preserve">            TRANSFERÊNCIAS DE CAPITAL</t>
  </si>
  <si>
    <t>1015367300,00</t>
  </si>
  <si>
    <t>1030936442,00</t>
  </si>
  <si>
    <t>135125818,62</t>
  </si>
  <si>
    <t>13,11</t>
  </si>
  <si>
    <t>619164907,13</t>
  </si>
  <si>
    <t>60,06</t>
  </si>
  <si>
    <t>411771534,87</t>
  </si>
  <si>
    <t>52</t>
  </si>
  <si>
    <t>420819100,00</t>
  </si>
  <si>
    <t>434560542,00</t>
  </si>
  <si>
    <t>21392621,78</t>
  </si>
  <si>
    <t>4,92</t>
  </si>
  <si>
    <t>103613311,67</t>
  </si>
  <si>
    <t>23,84</t>
  </si>
  <si>
    <t>330947230,33</t>
  </si>
  <si>
    <t>53</t>
  </si>
  <si>
    <t>1720000,00</t>
  </si>
  <si>
    <t>3547700,00</t>
  </si>
  <si>
    <t>4899750,80</t>
  </si>
  <si>
    <t>138,11</t>
  </si>
  <si>
    <t>14416934,58</t>
  </si>
  <si>
    <t>406,37</t>
  </si>
  <si>
    <t>-10869234,58</t>
  </si>
  <si>
    <t>54</t>
  </si>
  <si>
    <t>347619,52</t>
  </si>
  <si>
    <t>764666,48</t>
  </si>
  <si>
    <t>-764666,48</t>
  </si>
  <si>
    <t>55</t>
  </si>
  <si>
    <t>592711900,00</t>
  </si>
  <si>
    <t>108485826,52</t>
  </si>
  <si>
    <t>18,30</t>
  </si>
  <si>
    <t>500369994,40</t>
  </si>
  <si>
    <t>84,42</t>
  </si>
  <si>
    <t>92341905,60</t>
  </si>
  <si>
    <t>56</t>
  </si>
  <si>
    <t>57</t>
  </si>
  <si>
    <t>700,00</t>
  </si>
  <si>
    <t>58</t>
  </si>
  <si>
    <t>115600,00</t>
  </si>
  <si>
    <t>59</t>
  </si>
  <si>
    <t>60</t>
  </si>
  <si>
    <t xml:space="preserve">            OUTRAS RECEITAS DE CAPITAL</t>
  </si>
  <si>
    <t>602217500,00</t>
  </si>
  <si>
    <t>280782759,80</t>
  </si>
  <si>
    <t>46,62</t>
  </si>
  <si>
    <t>321434740,20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1294955200,00</t>
  </si>
  <si>
    <t>3217158973,00</t>
  </si>
  <si>
    <t>316716411,03</t>
  </si>
  <si>
    <t>9,84</t>
  </si>
  <si>
    <t>1848433949,57</t>
  </si>
  <si>
    <t>57,46</t>
  </si>
  <si>
    <t>1368725023,43</t>
  </si>
  <si>
    <t>66</t>
  </si>
  <si>
    <t xml:space="preserve">   SUBTOTAL DAS RECEITAS (III) = (I + II)</t>
  </si>
  <si>
    <t>14497314000,00</t>
  </si>
  <si>
    <t>17446181085,00</t>
  </si>
  <si>
    <t>2508578030,96</t>
  </si>
  <si>
    <t>14,38</t>
  </si>
  <si>
    <t>12200980051,79</t>
  </si>
  <si>
    <t>69,93</t>
  </si>
  <si>
    <t>5245201033,21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186221498,00</t>
  </si>
  <si>
    <t>100,00</t>
  </si>
  <si>
    <t>78</t>
  </si>
  <si>
    <t>Recursos Arrecadados em Exercícios Anteriores - RPPS</t>
  </si>
  <si>
    <t>79</t>
  </si>
  <si>
    <t>Superávit Financeiro Utilizado para Créditos Adicionais</t>
  </si>
  <si>
    <t>80</t>
  </si>
  <si>
    <t>Reabertura de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1</t>
  </si>
  <si>
    <t xml:space="preserve">      DESPESAS (EXCETO INTRA-ORÇAMENTÁRIAS) (VIII)</t>
  </si>
  <si>
    <t>12485458900,00</t>
  </si>
  <si>
    <t>15583654588,55</t>
  </si>
  <si>
    <t>1962819560,82</t>
  </si>
  <si>
    <t>10940341078,70</t>
  </si>
  <si>
    <t>4643313509,85</t>
  </si>
  <si>
    <t>2295190406,88</t>
  </si>
  <si>
    <t>10017310565,93</t>
  </si>
  <si>
    <t>5566344022,62</t>
  </si>
  <si>
    <t>9756626072,81</t>
  </si>
  <si>
    <t>82</t>
  </si>
  <si>
    <t xml:space="preserve">         DESPESAS CORRENTES</t>
  </si>
  <si>
    <t>10633023100,00</t>
  </si>
  <si>
    <t>13313617451,61</t>
  </si>
  <si>
    <t>1613565743,45</t>
  </si>
  <si>
    <t>9293413415,61</t>
  </si>
  <si>
    <t>4020204036,00</t>
  </si>
  <si>
    <t>1863441850,14</t>
  </si>
  <si>
    <t>8743024338,73</t>
  </si>
  <si>
    <t>4570593112,88</t>
  </si>
  <si>
    <t>8509345456,58</t>
  </si>
  <si>
    <t>83</t>
  </si>
  <si>
    <t xml:space="preserve">            PESSOAL E ENCARGOS SOCIAIS</t>
  </si>
  <si>
    <t>6869269300,00</t>
  </si>
  <si>
    <t>9430486580,45</t>
  </si>
  <si>
    <t>1164995711,04</t>
  </si>
  <si>
    <t>6440049618,39</t>
  </si>
  <si>
    <t>2990436962,06</t>
  </si>
  <si>
    <t>1315972466,33</t>
  </si>
  <si>
    <t>6220564893,35</t>
  </si>
  <si>
    <t>3209921687,10</t>
  </si>
  <si>
    <t>6132512487,97</t>
  </si>
  <si>
    <t>84</t>
  </si>
  <si>
    <t xml:space="preserve">            JUROS E ENCARGOS DA DÍVIDA</t>
  </si>
  <si>
    <t>371645100,00</t>
  </si>
  <si>
    <t>394336410,00</t>
  </si>
  <si>
    <t>66600925,65</t>
  </si>
  <si>
    <t>280772707,06</t>
  </si>
  <si>
    <t>113563702,94</t>
  </si>
  <si>
    <t>66635187,27</t>
  </si>
  <si>
    <t>279560056,59</t>
  </si>
  <si>
    <t>114776353,41</t>
  </si>
  <si>
    <t>85</t>
  </si>
  <si>
    <t xml:space="preserve">            OUTRAS DESPESAS CORRENTES</t>
  </si>
  <si>
    <t>3392108700,00</t>
  </si>
  <si>
    <t>3488794461,16</t>
  </si>
  <si>
    <t>381969106,76</t>
  </si>
  <si>
    <t>2572591090,16</t>
  </si>
  <si>
    <t>916203371,00</t>
  </si>
  <si>
    <t>480834196,54</t>
  </si>
  <si>
    <t>2242899388,79</t>
  </si>
  <si>
    <t>1245895072,37</t>
  </si>
  <si>
    <t>2097272912,02</t>
  </si>
  <si>
    <t>86</t>
  </si>
  <si>
    <t xml:space="preserve">               Transferências a Municípios²</t>
  </si>
  <si>
    <t>138000000,00</t>
  </si>
  <si>
    <t>168000000,00</t>
  </si>
  <si>
    <t>11250000,00</t>
  </si>
  <si>
    <t>28000000,00</t>
  </si>
  <si>
    <t>140000000,00</t>
  </si>
  <si>
    <t>126000000,00</t>
  </si>
  <si>
    <t>87</t>
  </si>
  <si>
    <t xml:space="preserve">               Demais Despesas Correntes²</t>
  </si>
  <si>
    <t>3254108700,00</t>
  </si>
  <si>
    <t>3320794461,16</t>
  </si>
  <si>
    <t>370719106,76</t>
  </si>
  <si>
    <t>2404591090,16</t>
  </si>
  <si>
    <t>452834196,54</t>
  </si>
  <si>
    <t>2102899388,79</t>
  </si>
  <si>
    <t>1217895072,37</t>
  </si>
  <si>
    <t>1971272912,02</t>
  </si>
  <si>
    <t>88</t>
  </si>
  <si>
    <t xml:space="preserve">         DESPESAS DE CAPITAL</t>
  </si>
  <si>
    <t>1736518200,00</t>
  </si>
  <si>
    <t>2263640589,94</t>
  </si>
  <si>
    <t>349253817,37</t>
  </si>
  <si>
    <t>1646927663,09</t>
  </si>
  <si>
    <t>616712926,85</t>
  </si>
  <si>
    <t>431748556,74</t>
  </si>
  <si>
    <t>1274286227,20</t>
  </si>
  <si>
    <t>989354362,74</t>
  </si>
  <si>
    <t>1247280616,23</t>
  </si>
  <si>
    <t>89</t>
  </si>
  <si>
    <t xml:space="preserve">            INVESTIMENTOS</t>
  </si>
  <si>
    <t>1428253100,00</t>
  </si>
  <si>
    <t>1946293803,94</t>
  </si>
  <si>
    <t>314573278,62</t>
  </si>
  <si>
    <t>1408569852,28</t>
  </si>
  <si>
    <t>537723951,66</t>
  </si>
  <si>
    <t>396886782,35</t>
  </si>
  <si>
    <t>1037574906,73</t>
  </si>
  <si>
    <t>908718897,21</t>
  </si>
  <si>
    <t>1010569295,76</t>
  </si>
  <si>
    <t>90</t>
  </si>
  <si>
    <t xml:space="preserve">            INVERSÕES FINANCEIRAS</t>
  </si>
  <si>
    <t>1166500,00</t>
  </si>
  <si>
    <t>2216500,00</t>
  </si>
  <si>
    <t>1047125,00</t>
  </si>
  <si>
    <t>1169375,00</t>
  </si>
  <si>
    <t>91</t>
  </si>
  <si>
    <t xml:space="preserve">            AMORTIZAÇÃO DA DÍVIDA</t>
  </si>
  <si>
    <t>307098600,00</t>
  </si>
  <si>
    <t>315130286,00</t>
  </si>
  <si>
    <t>34680538,75</t>
  </si>
  <si>
    <t>237310685,81</t>
  </si>
  <si>
    <t>77819600,19</t>
  </si>
  <si>
    <t>34861774,39</t>
  </si>
  <si>
    <t>236711320,47</t>
  </si>
  <si>
    <t>78418965,53</t>
  </si>
  <si>
    <t>92</t>
  </si>
  <si>
    <t xml:space="preserve">         RESERVA DE CONTINGÊNCIA</t>
  </si>
  <si>
    <t>115917600,00</t>
  </si>
  <si>
    <t>6396547,00</t>
  </si>
  <si>
    <t>93</t>
  </si>
  <si>
    <t xml:space="preserve">      DESPESAS (INTRA-ORÇAMENTÁRIAS) (IX)</t>
  </si>
  <si>
    <t>1861882800,00</t>
  </si>
  <si>
    <t>2048194794,45</t>
  </si>
  <si>
    <t>348305767,71</t>
  </si>
  <si>
    <t>1664237879,45</t>
  </si>
  <si>
    <t>383956915,00</t>
  </si>
  <si>
    <t>340164665,79</t>
  </si>
  <si>
    <t>1603229201,82</t>
  </si>
  <si>
    <t>444965592,63</t>
  </si>
  <si>
    <t>1498397429,38</t>
  </si>
  <si>
    <t>94</t>
  </si>
  <si>
    <t xml:space="preserve">   SUBTOTAL DAS DESPESAS (X) = (VIII + IX)</t>
  </si>
  <si>
    <t>14347341700,00</t>
  </si>
  <si>
    <t>17631849383,00</t>
  </si>
  <si>
    <t>2311125328,53</t>
  </si>
  <si>
    <t>12604578958,15</t>
  </si>
  <si>
    <t>5027270424,85</t>
  </si>
  <si>
    <t>2635355072,67</t>
  </si>
  <si>
    <t>11620539767,75</t>
  </si>
  <si>
    <t>6011309615,25</t>
  </si>
  <si>
    <t>11255023502,19</t>
  </si>
  <si>
    <t>95</t>
  </si>
  <si>
    <t xml:space="preserve">   AMORTIZAÇÃO DA DÍV. / REFINANCIAMENTO (XI)</t>
  </si>
  <si>
    <t>96</t>
  </si>
  <si>
    <t xml:space="preserve">      Amortização da Dívida Interna</t>
  </si>
  <si>
    <t>97</t>
  </si>
  <si>
    <t xml:space="preserve">         Dívida Mobiliária</t>
  </si>
  <si>
    <t>98</t>
  </si>
  <si>
    <t xml:space="preserve">         Outras Dívidas</t>
  </si>
  <si>
    <t>99</t>
  </si>
  <si>
    <t xml:space="preserve">      Amortização da Dívida Externa</t>
  </si>
  <si>
    <t>100</t>
  </si>
  <si>
    <t>101</t>
  </si>
  <si>
    <t>102</t>
  </si>
  <si>
    <t>SUBTOTAL C/ REFINANCIAMENTO (XII) = (X + XI)</t>
  </si>
  <si>
    <t>103</t>
  </si>
  <si>
    <t>SUPERÁVIT (XIII)</t>
  </si>
  <si>
    <t>580440284,04</t>
  </si>
  <si>
    <t>945956549,60</t>
  </si>
  <si>
    <t>104</t>
  </si>
  <si>
    <t>TOTAL (XIV) = (XII + XIII)</t>
  </si>
  <si>
    <t>105</t>
  </si>
  <si>
    <t>RESERVA DO RPPS</t>
  </si>
  <si>
    <t>149972300,00</t>
  </si>
  <si>
    <t>553200,00</t>
  </si>
  <si>
    <t>RECEITAS (INTRA-ORÇAMENTÁRIAS)</t>
  </si>
  <si>
    <t>106</t>
  </si>
  <si>
    <t>RECEITAS (INTRA-ORÇAMENTÁRIAS) (II)</t>
  </si>
  <si>
    <t>107</t>
  </si>
  <si>
    <t>RECEITAS CORRENTES</t>
  </si>
  <si>
    <t>108</t>
  </si>
  <si>
    <t xml:space="preserve">   IMPOSTOS, TAXAS E CONTRIBUIÇÕES DE MELHORIA</t>
  </si>
  <si>
    <t>109</t>
  </si>
  <si>
    <t xml:space="preserve">      Impostos</t>
  </si>
  <si>
    <t>110</t>
  </si>
  <si>
    <t xml:space="preserve">      Taxas</t>
  </si>
  <si>
    <t>111</t>
  </si>
  <si>
    <t xml:space="preserve">      Contribuição de Melhoria</t>
  </si>
  <si>
    <t>112</t>
  </si>
  <si>
    <t xml:space="preserve">   CONTRIBUIÇÕES</t>
  </si>
  <si>
    <t>869947500,00</t>
  </si>
  <si>
    <t>2191904500,00</t>
  </si>
  <si>
    <t>183379976,10</t>
  </si>
  <si>
    <t>8,37</t>
  </si>
  <si>
    <t>1206150726,15</t>
  </si>
  <si>
    <t>55,03</t>
  </si>
  <si>
    <t>985753773,85</t>
  </si>
  <si>
    <t>113</t>
  </si>
  <si>
    <t xml:space="preserve">      Contribuições Sociais</t>
  </si>
  <si>
    <t>114</t>
  </si>
  <si>
    <t xml:space="preserve">      Contribuições Econômicas</t>
  </si>
  <si>
    <t>115</t>
  </si>
  <si>
    <t xml:space="preserve">      Contribuições para Entidades Privadas de Serviço Social e de Formação Profissional</t>
  </si>
  <si>
    <t>116</t>
  </si>
  <si>
    <t xml:space="preserve">      Contribuição para o Custeio do Serviço de Iluminação Pública</t>
  </si>
  <si>
    <t>117</t>
  </si>
  <si>
    <t xml:space="preserve">   RECEITA PATRIMONIAL</t>
  </si>
  <si>
    <t>26000000,00</t>
  </si>
  <si>
    <t>4878335,54</t>
  </si>
  <si>
    <t>18,76</t>
  </si>
  <si>
    <t>23908990,69</t>
  </si>
  <si>
    <t>91,96</t>
  </si>
  <si>
    <t>2091009,31</t>
  </si>
  <si>
    <t>118</t>
  </si>
  <si>
    <t xml:space="preserve">      Exploração do Patrimônio Imobiliário do Estado</t>
  </si>
  <si>
    <t>31164,89</t>
  </si>
  <si>
    <t>-31164,89</t>
  </si>
  <si>
    <t>119</t>
  </si>
  <si>
    <t xml:space="preserve">      Valores Mobiliários</t>
  </si>
  <si>
    <t>120</t>
  </si>
  <si>
    <t xml:space="preserve">      Delegação de Serviços Públicos Mediante Concessão, Permissão, Autorização ou Licença</t>
  </si>
  <si>
    <t>121</t>
  </si>
  <si>
    <t xml:space="preserve">      Exploração de Recursos Naturais</t>
  </si>
  <si>
    <t>122</t>
  </si>
  <si>
    <t xml:space="preserve">      Exploração do Patrimônio Intangível</t>
  </si>
  <si>
    <t>123</t>
  </si>
  <si>
    <t xml:space="preserve">      Cessão de Direitos</t>
  </si>
  <si>
    <t>4847170,65</t>
  </si>
  <si>
    <t>18,64</t>
  </si>
  <si>
    <t>23877825,80</t>
  </si>
  <si>
    <t>91,84</t>
  </si>
  <si>
    <t>2122174,20</t>
  </si>
  <si>
    <t>124</t>
  </si>
  <si>
    <t xml:space="preserve">      Demais Receitas Patrimoniais</t>
  </si>
  <si>
    <t>125</t>
  </si>
  <si>
    <t xml:space="preserve">   RECEITA AGROPECUÁRIA</t>
  </si>
  <si>
    <t>126</t>
  </si>
  <si>
    <t xml:space="preserve">   RECEITA INDUSTRIAL</t>
  </si>
  <si>
    <t>127</t>
  </si>
  <si>
    <t xml:space="preserve">   RECEITA DE SERVIÇOS</t>
  </si>
  <si>
    <t>128</t>
  </si>
  <si>
    <t xml:space="preserve">      Serviços Administrativos e Comerciais Gerais</t>
  </si>
  <si>
    <t>129</t>
  </si>
  <si>
    <t xml:space="preserve">      Serviços e Atividades Referentes à Navegação e ao Transporte</t>
  </si>
  <si>
    <t>130</t>
  </si>
  <si>
    <t xml:space="preserve">      Serviços e Atividades referentes à Saúde</t>
  </si>
  <si>
    <t>131</t>
  </si>
  <si>
    <t xml:space="preserve">      Serviços e Atividades Financeiras</t>
  </si>
  <si>
    <t>132</t>
  </si>
  <si>
    <t xml:space="preserve">      Outros Serviços</t>
  </si>
  <si>
    <t>133</t>
  </si>
  <si>
    <t xml:space="preserve">   TRANSFERÊNCIAS CORRENTES</t>
  </si>
  <si>
    <t>134</t>
  </si>
  <si>
    <t xml:space="preserve">      Transferências da União e de suas Entidades</t>
  </si>
  <si>
    <t>135</t>
  </si>
  <si>
    <t xml:space="preserve">      Transferências dos Estados e do Distrito Federal e de suas Entidades</t>
  </si>
  <si>
    <t>136</t>
  </si>
  <si>
    <t xml:space="preserve">      Transferências dos Municípios e de suas Entidades</t>
  </si>
  <si>
    <t>137</t>
  </si>
  <si>
    <t xml:space="preserve">      Transferências de Instituições Privadas</t>
  </si>
  <si>
    <t>138</t>
  </si>
  <si>
    <t xml:space="preserve">      Transferências de Outras Instituições Públicas</t>
  </si>
  <si>
    <t>139</t>
  </si>
  <si>
    <t xml:space="preserve">      Transferências do Exterior</t>
  </si>
  <si>
    <t>140</t>
  </si>
  <si>
    <t xml:space="preserve">      Transferências de Pessoas Físicas</t>
  </si>
  <si>
    <t>141</t>
  </si>
  <si>
    <t xml:space="preserve">      Transferências Provenientes de Depósitos Não Identificados</t>
  </si>
  <si>
    <t>142</t>
  </si>
  <si>
    <t xml:space="preserve">   OUTRAS RECEITAS CORRENTES</t>
  </si>
  <si>
    <t>399007700,00</t>
  </si>
  <si>
    <t>999254473,00</t>
  </si>
  <si>
    <t>128458099,39</t>
  </si>
  <si>
    <t>12,86</t>
  </si>
  <si>
    <t>618374232,73</t>
  </si>
  <si>
    <t>61,88</t>
  </si>
  <si>
    <t>380880240,27</t>
  </si>
  <si>
    <t>143</t>
  </si>
  <si>
    <t xml:space="preserve">      Multas Administrativas, Contratuais e Judiciais</t>
  </si>
  <si>
    <t>144</t>
  </si>
  <si>
    <t xml:space="preserve">      Indenizações, Restituições e Ressarcimentos</t>
  </si>
  <si>
    <t>145</t>
  </si>
  <si>
    <t xml:space="preserve">      Bens, Direitos e Valores Incorporados ao Patrimônio Público</t>
  </si>
  <si>
    <t>146</t>
  </si>
  <si>
    <t xml:space="preserve">      Demais Receitas Correntes</t>
  </si>
  <si>
    <t>147</t>
  </si>
  <si>
    <t>RECEITAS DE CAPITAL</t>
  </si>
  <si>
    <t>148</t>
  </si>
  <si>
    <t xml:space="preserve">   OPERAÇÕES DE CRÉDITO</t>
  </si>
  <si>
    <t>149</t>
  </si>
  <si>
    <t xml:space="preserve">      Operações de Crédito - Mercado Interno</t>
  </si>
  <si>
    <t>150</t>
  </si>
  <si>
    <t xml:space="preserve">      Operações de Crédito - Mercado Externo</t>
  </si>
  <si>
    <t>151</t>
  </si>
  <si>
    <t xml:space="preserve">   ALIENAÇÃO DE BENS</t>
  </si>
  <si>
    <t>152</t>
  </si>
  <si>
    <t xml:space="preserve">      Alienação de Bens Móveis</t>
  </si>
  <si>
    <t>153</t>
  </si>
  <si>
    <t xml:space="preserve">      Alienação de Bens Imóveis</t>
  </si>
  <si>
    <t>154</t>
  </si>
  <si>
    <t xml:space="preserve">      Alienação de Bens Intangíveis</t>
  </si>
  <si>
    <t>155</t>
  </si>
  <si>
    <t xml:space="preserve">   AMORTIZAÇÕES DE EMPRÉSTIMOS</t>
  </si>
  <si>
    <t>156</t>
  </si>
  <si>
    <t xml:space="preserve">   TRANSFERÊNCIAS DE CAPITAL</t>
  </si>
  <si>
    <t>157</t>
  </si>
  <si>
    <t>158</t>
  </si>
  <si>
    <t>159</t>
  </si>
  <si>
    <t>160</t>
  </si>
  <si>
    <t>161</t>
  </si>
  <si>
    <t>162</t>
  </si>
  <si>
    <t>163</t>
  </si>
  <si>
    <t>164</t>
  </si>
  <si>
    <t>165</t>
  </si>
  <si>
    <t xml:space="preserve">   OUTRAS RECEITAS DE CAPITAL</t>
  </si>
  <si>
    <t>166</t>
  </si>
  <si>
    <t xml:space="preserve">      Integralização do Capital Social</t>
  </si>
  <si>
    <t>167</t>
  </si>
  <si>
    <t xml:space="preserve">      Remuneração das Disponibilidades do Tesouro</t>
  </si>
  <si>
    <t>168</t>
  </si>
  <si>
    <t xml:space="preserve">      Resgate de Títulos do Tesouro       </t>
  </si>
  <si>
    <t>169</t>
  </si>
  <si>
    <t xml:space="preserve">      Demais Receitas de Capital</t>
  </si>
  <si>
    <t>DESPESAS (INTRA-ORÇAMENTÁRIAS)</t>
  </si>
  <si>
    <t>170</t>
  </si>
  <si>
    <t>DESPESAS (INTRA-ORÇAMENTÁRIAS) (IX)</t>
  </si>
  <si>
    <t>171</t>
  </si>
  <si>
    <t>DESPESAS CORRENTES</t>
  </si>
  <si>
    <t>172</t>
  </si>
  <si>
    <t xml:space="preserve">   PESSOAL E ENCARGOS SOCIAIS</t>
  </si>
  <si>
    <t>778915800,00</t>
  </si>
  <si>
    <t>1282089605,90</t>
  </si>
  <si>
    <t>229688111,66</t>
  </si>
  <si>
    <t>1134156426,37</t>
  </si>
  <si>
    <t>147933179,53</t>
  </si>
  <si>
    <t>216934587,19</t>
  </si>
  <si>
    <t>1081066620,03</t>
  </si>
  <si>
    <t>201022985,87</t>
  </si>
  <si>
    <t>988447985,66</t>
  </si>
  <si>
    <t>173</t>
  </si>
  <si>
    <t xml:space="preserve">   JUROS E ENCARGOS DA DÍVIDA</t>
  </si>
  <si>
    <t>174</t>
  </si>
  <si>
    <t xml:space="preserve">   OUTRAS DESPESAS CORRENTES</t>
  </si>
  <si>
    <t>1082967000,00</t>
  </si>
  <si>
    <t>766105188,55</t>
  </si>
  <si>
    <t>118617656,05</t>
  </si>
  <si>
    <t>530081453,08</t>
  </si>
  <si>
    <t>236023735,47</t>
  </si>
  <si>
    <t>123230078,60</t>
  </si>
  <si>
    <t>522162581,79</t>
  </si>
  <si>
    <t>243942606,76</t>
  </si>
  <si>
    <t>509949443,72</t>
  </si>
  <si>
    <t>175</t>
  </si>
  <si>
    <t>DESPESAS DE CAPITAL</t>
  </si>
  <si>
    <t>176</t>
  </si>
  <si>
    <t xml:space="preserve">   INVESTIMENTOS</t>
  </si>
  <si>
    <t>177</t>
  </si>
  <si>
    <t xml:space="preserve">   INVERSÕES FINANCEIRAS</t>
  </si>
  <si>
    <t>178</t>
  </si>
  <si>
    <t xml:space="preserve">   AMORTIZAÇÃO DA DÍVIDA</t>
  </si>
  <si>
    <t>179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>86,77</t>
  </si>
  <si>
    <t>86,23</t>
  </si>
  <si>
    <t xml:space="preserve">   01 - Legislativa</t>
  </si>
  <si>
    <t>484569700,00</t>
  </si>
  <si>
    <t>474399700,00</t>
  </si>
  <si>
    <t>42047022,81</t>
  </si>
  <si>
    <t>343643770,03</t>
  </si>
  <si>
    <t>2,72</t>
  </si>
  <si>
    <t>130755929,97</t>
  </si>
  <si>
    <t>59452334,76</t>
  </si>
  <si>
    <t>298608074,18</t>
  </si>
  <si>
    <t>2,57</t>
  </si>
  <si>
    <t>175791625,82</t>
  </si>
  <si>
    <t xml:space="preserve">      031 - Ação Legislativa</t>
  </si>
  <si>
    <t>247719700,00</t>
  </si>
  <si>
    <t>244049700,00</t>
  </si>
  <si>
    <t>29740242,30</t>
  </si>
  <si>
    <t>164097803,06</t>
  </si>
  <si>
    <t>1,30</t>
  </si>
  <si>
    <t>79951896,94</t>
  </si>
  <si>
    <t>29148273,27</t>
  </si>
  <si>
    <t>148480759,89</t>
  </si>
  <si>
    <t>1,28</t>
  </si>
  <si>
    <t>95568940,11</t>
  </si>
  <si>
    <t xml:space="preserve">      032 - Controle Externo</t>
  </si>
  <si>
    <t>236850000,00</t>
  </si>
  <si>
    <t>230350000,00</t>
  </si>
  <si>
    <t>12306780,51</t>
  </si>
  <si>
    <t>179545966,97</t>
  </si>
  <si>
    <t>1,42</t>
  </si>
  <si>
    <t>50804033,03</t>
  </si>
  <si>
    <t>30304061,49</t>
  </si>
  <si>
    <t>150127314,29</t>
  </si>
  <si>
    <t>1,29</t>
  </si>
  <si>
    <t>80222685,71</t>
  </si>
  <si>
    <t xml:space="preserve">   02 - Judiciária</t>
  </si>
  <si>
    <t>905070000,00</t>
  </si>
  <si>
    <t>923054676,78</t>
  </si>
  <si>
    <t>21232660,68</t>
  </si>
  <si>
    <t>891118390,15</t>
  </si>
  <si>
    <t>7,07</t>
  </si>
  <si>
    <t>31936286,63</t>
  </si>
  <si>
    <t>138364584,48</t>
  </si>
  <si>
    <t>681124109,89</t>
  </si>
  <si>
    <t>5,86</t>
  </si>
  <si>
    <t>241930566,89</t>
  </si>
  <si>
    <t xml:space="preserve">      061 - Ação Judiciária</t>
  </si>
  <si>
    <t>112779200,00</t>
  </si>
  <si>
    <t>144741215,00</t>
  </si>
  <si>
    <t>9488043,23</t>
  </si>
  <si>
    <t>135777556,77</t>
  </si>
  <si>
    <t>1,08</t>
  </si>
  <si>
    <t>8963658,23</t>
  </si>
  <si>
    <t>24225007,76</t>
  </si>
  <si>
    <t>104489877,75</t>
  </si>
  <si>
    <t>0,90</t>
  </si>
  <si>
    <t>40251337,25</t>
  </si>
  <si>
    <t xml:space="preserve">      122 - Administração Geral</t>
  </si>
  <si>
    <t>754438000,00</t>
  </si>
  <si>
    <t>740428661,78</t>
  </si>
  <si>
    <t>10722358,65</t>
  </si>
  <si>
    <t>721228772,36</t>
  </si>
  <si>
    <t>5,72</t>
  </si>
  <si>
    <t>19199889,42</t>
  </si>
  <si>
    <t>109409625,60</t>
  </si>
  <si>
    <t>550997329,77</t>
  </si>
  <si>
    <t>4,74</t>
  </si>
  <si>
    <t>189431332,01</t>
  </si>
  <si>
    <t xml:space="preserve">      126 - Tecnologia da Informação</t>
  </si>
  <si>
    <t>30000000,00</t>
  </si>
  <si>
    <t>544940,15</t>
  </si>
  <si>
    <t>28169644,12</t>
  </si>
  <si>
    <t>0,22</t>
  </si>
  <si>
    <t>1830355,88</t>
  </si>
  <si>
    <t>3760071,84</t>
  </si>
  <si>
    <t>22102672,89</t>
  </si>
  <si>
    <t>0,19</t>
  </si>
  <si>
    <t>7897327,11</t>
  </si>
  <si>
    <t xml:space="preserve">      128 - Formação de Recursos Humanos</t>
  </si>
  <si>
    <t>4032700,00</t>
  </si>
  <si>
    <t>80144,59</t>
  </si>
  <si>
    <t>2762638,30</t>
  </si>
  <si>
    <t>0,02</t>
  </si>
  <si>
    <t>1270061,70</t>
  </si>
  <si>
    <t>292747,88</t>
  </si>
  <si>
    <t>1164208,35</t>
  </si>
  <si>
    <t>0,01</t>
  </si>
  <si>
    <t>2868491,65</t>
  </si>
  <si>
    <t xml:space="preserve">      131 - Comunicação Social</t>
  </si>
  <si>
    <t>3188100,00</t>
  </si>
  <si>
    <t>3220100,00</t>
  </si>
  <si>
    <t>397174,06</t>
  </si>
  <si>
    <t>2547778,60</t>
  </si>
  <si>
    <t>672321,40</t>
  </si>
  <si>
    <t>573027,62</t>
  </si>
  <si>
    <t>1855340,58</t>
  </si>
  <si>
    <t>1364759,42</t>
  </si>
  <si>
    <t xml:space="preserve">      846 - Outros Encargos Especiais</t>
  </si>
  <si>
    <t>632000,00</t>
  </si>
  <si>
    <t>104103,78</t>
  </si>
  <si>
    <t>514680,55</t>
  </si>
  <si>
    <t>117319,45</t>
  </si>
  <si>
    <t xml:space="preserve">   03 - Essencial à Justiça</t>
  </si>
  <si>
    <t>812025900,00</t>
  </si>
  <si>
    <t>861211552,50</t>
  </si>
  <si>
    <t>113857501,07</t>
  </si>
  <si>
    <t>606309110,79</t>
  </si>
  <si>
    <t>4,80</t>
  </si>
  <si>
    <t>254902441,71</t>
  </si>
  <si>
    <t>140163330,71</t>
  </si>
  <si>
    <t>580243132,91</t>
  </si>
  <si>
    <t>5,00</t>
  </si>
  <si>
    <t>280968419,59</t>
  </si>
  <si>
    <t xml:space="preserve">      091 - Defesa da Ordem Jurídica</t>
  </si>
  <si>
    <t>398943000,00</t>
  </si>
  <si>
    <t>400243000,00</t>
  </si>
  <si>
    <t>61144303,59</t>
  </si>
  <si>
    <t>276510458,68</t>
  </si>
  <si>
    <t>2,19</t>
  </si>
  <si>
    <t>123732541,32</t>
  </si>
  <si>
    <t>59098066,02</t>
  </si>
  <si>
    <t>257544499,13</t>
  </si>
  <si>
    <t>2,22</t>
  </si>
  <si>
    <t>142698500,87</t>
  </si>
  <si>
    <t xml:space="preserve">      092 - Representação Judicial e Extrajudicial</t>
  </si>
  <si>
    <t>76442500,00</t>
  </si>
  <si>
    <t>72007300,00</t>
  </si>
  <si>
    <t>8415714,86</t>
  </si>
  <si>
    <t>44067720,96</t>
  </si>
  <si>
    <t>0,35</t>
  </si>
  <si>
    <t>27939579,04</t>
  </si>
  <si>
    <t>8404056,39</t>
  </si>
  <si>
    <t>42210303,67</t>
  </si>
  <si>
    <t>0,36</t>
  </si>
  <si>
    <t>29796996,33</t>
  </si>
  <si>
    <t>18890700,00</t>
  </si>
  <si>
    <t>18617700,00</t>
  </si>
  <si>
    <t>2219958,76</t>
  </si>
  <si>
    <t>14623033,25</t>
  </si>
  <si>
    <t>0,12</t>
  </si>
  <si>
    <t>3994666,75</t>
  </si>
  <si>
    <t>2455481,48</t>
  </si>
  <si>
    <t>9887421,27</t>
  </si>
  <si>
    <t>0,09</t>
  </si>
  <si>
    <t>8730278,73</t>
  </si>
  <si>
    <t>5420000,00</t>
  </si>
  <si>
    <t>10044003,00</t>
  </si>
  <si>
    <t>1505651,66</t>
  </si>
  <si>
    <t>8074321,66</t>
  </si>
  <si>
    <t>0,06</t>
  </si>
  <si>
    <t>1969681,34</t>
  </si>
  <si>
    <t>1531784,22</t>
  </si>
  <si>
    <t>7908463,81</t>
  </si>
  <si>
    <t>0,07</t>
  </si>
  <si>
    <t>2135539,19</t>
  </si>
  <si>
    <t xml:space="preserve">      422 - Direitos Individuais, Coletivos e Difusos</t>
  </si>
  <si>
    <t>150902000,00</t>
  </si>
  <si>
    <t>156271849,50</t>
  </si>
  <si>
    <t>26355799,98</t>
  </si>
  <si>
    <t>122547244,20</t>
  </si>
  <si>
    <t>0,97</t>
  </si>
  <si>
    <t>33724605,30</t>
  </si>
  <si>
    <t>26353651,08</t>
  </si>
  <si>
    <t>122397801,87</t>
  </si>
  <si>
    <t>1,05</t>
  </si>
  <si>
    <t>33874047,63</t>
  </si>
  <si>
    <t>161427700,00</t>
  </si>
  <si>
    <t>204027700,00</t>
  </si>
  <si>
    <t>14216072,22</t>
  </si>
  <si>
    <t>140486332,04</t>
  </si>
  <si>
    <t>1,11</t>
  </si>
  <si>
    <t>63541367,96</t>
  </si>
  <si>
    <t>42320291,52</t>
  </si>
  <si>
    <t>140294643,16</t>
  </si>
  <si>
    <t>1,21</t>
  </si>
  <si>
    <t>63733056,84</t>
  </si>
  <si>
    <t xml:space="preserve">   04 - Administração</t>
  </si>
  <si>
    <t>824082600,00</t>
  </si>
  <si>
    <t>872549840,26</t>
  </si>
  <si>
    <t>120969262,14</t>
  </si>
  <si>
    <t>653461951,52</t>
  </si>
  <si>
    <t>5,18</t>
  </si>
  <si>
    <t>219087888,74</t>
  </si>
  <si>
    <t>124547862,85</t>
  </si>
  <si>
    <t>615848403,13</t>
  </si>
  <si>
    <t>5,30</t>
  </si>
  <si>
    <t>256701437,13</t>
  </si>
  <si>
    <t>322388800,00</t>
  </si>
  <si>
    <t>352024702,04</t>
  </si>
  <si>
    <t>40543219,32</t>
  </si>
  <si>
    <t>235629369,02</t>
  </si>
  <si>
    <t>1,87</t>
  </si>
  <si>
    <t>116395333,02</t>
  </si>
  <si>
    <t>44676505,21</t>
  </si>
  <si>
    <t>219713919,07</t>
  </si>
  <si>
    <t>1,89</t>
  </si>
  <si>
    <t>132310782,97</t>
  </si>
  <si>
    <t xml:space="preserve">      123 - Administração Financeira</t>
  </si>
  <si>
    <t>488978400,00</t>
  </si>
  <si>
    <t>506956995,69</t>
  </si>
  <si>
    <t>78651617,01</t>
  </si>
  <si>
    <t>408767097,36</t>
  </si>
  <si>
    <t>3,24</t>
  </si>
  <si>
    <t>98189898,33</t>
  </si>
  <si>
    <t>78065182,31</t>
  </si>
  <si>
    <t>387126916,90</t>
  </si>
  <si>
    <t>3,33</t>
  </si>
  <si>
    <t>119830078,79</t>
  </si>
  <si>
    <t xml:space="preserve">      124 - Controle Interno</t>
  </si>
  <si>
    <t>12681800,00</t>
  </si>
  <si>
    <t>13532742,53</t>
  </si>
  <si>
    <t>1774425,81</t>
  </si>
  <si>
    <t>9046461,14</t>
  </si>
  <si>
    <t>4486281,39</t>
  </si>
  <si>
    <t>1806175,33</t>
  </si>
  <si>
    <t>8990807,16</t>
  </si>
  <si>
    <t>0,08</t>
  </si>
  <si>
    <t>4541935,37</t>
  </si>
  <si>
    <t xml:space="preserve">      663 - Mineração</t>
  </si>
  <si>
    <t>33600,00</t>
  </si>
  <si>
    <t>35400,00</t>
  </si>
  <si>
    <t>19024,00</t>
  </si>
  <si>
    <t>16376,00</t>
  </si>
  <si>
    <t>16760,00</t>
  </si>
  <si>
    <t>18640,00</t>
  </si>
  <si>
    <t xml:space="preserve">   06 - Segurança Pública</t>
  </si>
  <si>
    <t>1428899000,00</t>
  </si>
  <si>
    <t>1279187176,95</t>
  </si>
  <si>
    <t>188662868,57</t>
  </si>
  <si>
    <t>997144147,71</t>
  </si>
  <si>
    <t>7,91</t>
  </si>
  <si>
    <t>282043029,24</t>
  </si>
  <si>
    <t>195627323,74</t>
  </si>
  <si>
    <t>943010909,61</t>
  </si>
  <si>
    <t>8,12</t>
  </si>
  <si>
    <t>336176267,34</t>
  </si>
  <si>
    <t xml:space="preserve">      181 - Policiamento</t>
  </si>
  <si>
    <t>1428762700,00</t>
  </si>
  <si>
    <t>1277855946,95</t>
  </si>
  <si>
    <t>188502868,57</t>
  </si>
  <si>
    <t>996295919,33</t>
  </si>
  <si>
    <t>7,90</t>
  </si>
  <si>
    <t>281560027,62</t>
  </si>
  <si>
    <t>195407515,85</t>
  </si>
  <si>
    <t>942344500,06</t>
  </si>
  <si>
    <t>8,11</t>
  </si>
  <si>
    <t>335511446,89</t>
  </si>
  <si>
    <t xml:space="preserve">      182 - Defesa Civil</t>
  </si>
  <si>
    <t>136300,00</t>
  </si>
  <si>
    <t>1331230,00</t>
  </si>
  <si>
    <t>160000,00</t>
  </si>
  <si>
    <t>848228,38</t>
  </si>
  <si>
    <t>483001,62</t>
  </si>
  <si>
    <t>219807,89</t>
  </si>
  <si>
    <t>666409,55</t>
  </si>
  <si>
    <t>664820,45</t>
  </si>
  <si>
    <t xml:space="preserve">      183 - Informação e Inteligência</t>
  </si>
  <si>
    <t xml:space="preserve">   08 - Assistência Social</t>
  </si>
  <si>
    <t>219106100,00</t>
  </si>
  <si>
    <t>212644566,42</t>
  </si>
  <si>
    <t>29877802,60</t>
  </si>
  <si>
    <t>149386566,34</t>
  </si>
  <si>
    <t>1,18</t>
  </si>
  <si>
    <t>63258000,08</t>
  </si>
  <si>
    <t>29522860,52</t>
  </si>
  <si>
    <t>145530660,88</t>
  </si>
  <si>
    <t>1,26</t>
  </si>
  <si>
    <t>67113905,54</t>
  </si>
  <si>
    <t xml:space="preserve">      243 - Assistência à Criança e ao Adolescente</t>
  </si>
  <si>
    <t>434400,00</t>
  </si>
  <si>
    <t xml:space="preserve">      244 - Assistência Comunitária</t>
  </si>
  <si>
    <t>196811900,00</t>
  </si>
  <si>
    <t>194833196,42</t>
  </si>
  <si>
    <t>27058813,29</t>
  </si>
  <si>
    <t>137343947,99</t>
  </si>
  <si>
    <t>1,09</t>
  </si>
  <si>
    <t>57489248,43</t>
  </si>
  <si>
    <t>27097834,68</t>
  </si>
  <si>
    <t>134280353,84</t>
  </si>
  <si>
    <t>1,16</t>
  </si>
  <si>
    <t>60552842,58</t>
  </si>
  <si>
    <t xml:space="preserve">      364 - Ensino Superior</t>
  </si>
  <si>
    <t>21670000,00</t>
  </si>
  <si>
    <t>16970000,00</t>
  </si>
  <si>
    <t>2786343,31</t>
  </si>
  <si>
    <t>11812323,35</t>
  </si>
  <si>
    <t>5157676,65</t>
  </si>
  <si>
    <t>2370796,04</t>
  </si>
  <si>
    <t>11090016,44</t>
  </si>
  <si>
    <t>0,10</t>
  </si>
  <si>
    <t>5879983,56</t>
  </si>
  <si>
    <t>180200,00</t>
  </si>
  <si>
    <t>396520,00</t>
  </si>
  <si>
    <t>30960,00</t>
  </si>
  <si>
    <t>221656,47</t>
  </si>
  <si>
    <t>174863,53</t>
  </si>
  <si>
    <t>52482,50</t>
  </si>
  <si>
    <t>151652,07</t>
  </si>
  <si>
    <t>244867,93</t>
  </si>
  <si>
    <t xml:space="preserve">      843 - Serviço da Dívida Interna</t>
  </si>
  <si>
    <t>9600,00</t>
  </si>
  <si>
    <t>10450,00</t>
  </si>
  <si>
    <t>1686,00</t>
  </si>
  <si>
    <t>8638,53</t>
  </si>
  <si>
    <t>1811,47</t>
  </si>
  <si>
    <t>1747,30</t>
  </si>
  <si>
    <t xml:space="preserve">   09 - Previdência Social</t>
  </si>
  <si>
    <t>2031482200,00</t>
  </si>
  <si>
    <t>4673369379,00</t>
  </si>
  <si>
    <t>473469658,98</t>
  </si>
  <si>
    <t>2375384672,47</t>
  </si>
  <si>
    <t>18,85</t>
  </si>
  <si>
    <t>2297984706,53</t>
  </si>
  <si>
    <t>494975887,28</t>
  </si>
  <si>
    <t>2353509246,99</t>
  </si>
  <si>
    <t>20,25</t>
  </si>
  <si>
    <t>2319860132,01</t>
  </si>
  <si>
    <t xml:space="preserve">      272 - Previdência do Regime Estatutário</t>
  </si>
  <si>
    <t xml:space="preserve">   10 - Saúde</t>
  </si>
  <si>
    <t>1349544300,00</t>
  </si>
  <si>
    <t>1409248706,31</t>
  </si>
  <si>
    <t>178449204,43</t>
  </si>
  <si>
    <t>1113429737,06</t>
  </si>
  <si>
    <t>8,84</t>
  </si>
  <si>
    <t>295818969,25</t>
  </si>
  <si>
    <t>215153003,54</t>
  </si>
  <si>
    <t>960545479,28</t>
  </si>
  <si>
    <t>8,27</t>
  </si>
  <si>
    <t>448703227,03</t>
  </si>
  <si>
    <t xml:space="preserve">      121 - Planejamento e Orçamento</t>
  </si>
  <si>
    <t>518528800,00</t>
  </si>
  <si>
    <t>615407383,36</t>
  </si>
  <si>
    <t>92187778,95</t>
  </si>
  <si>
    <t>546229988,51</t>
  </si>
  <si>
    <t>4,33</t>
  </si>
  <si>
    <t>69177394,85</t>
  </si>
  <si>
    <t>104826177,76</t>
  </si>
  <si>
    <t>509148892,37</t>
  </si>
  <si>
    <t>4,38</t>
  </si>
  <si>
    <t>106258490,99</t>
  </si>
  <si>
    <t>5615000,00</t>
  </si>
  <si>
    <t>5502100,00</t>
  </si>
  <si>
    <t>143448,45</t>
  </si>
  <si>
    <t>2316641,82</t>
  </si>
  <si>
    <t>3185458,18</t>
  </si>
  <si>
    <t>353601,91</t>
  </si>
  <si>
    <t>1005044,98</t>
  </si>
  <si>
    <t>4497055,02</t>
  </si>
  <si>
    <t xml:space="preserve">      301 - Atenção Básica</t>
  </si>
  <si>
    <t>91174200,00</t>
  </si>
  <si>
    <t>87113609,06</t>
  </si>
  <si>
    <t>13410482,63</t>
  </si>
  <si>
    <t>77655151,34</t>
  </si>
  <si>
    <t>0,62</t>
  </si>
  <si>
    <t>9458457,72</t>
  </si>
  <si>
    <t>17835558,74</t>
  </si>
  <si>
    <t>66437961,88</t>
  </si>
  <si>
    <t>0,57</t>
  </si>
  <si>
    <t>20675647,18</t>
  </si>
  <si>
    <t xml:space="preserve">      302 - Assistência Hospitalar e Ambulatorial</t>
  </si>
  <si>
    <t>608802000,00</t>
  </si>
  <si>
    <t>572928293,89</t>
  </si>
  <si>
    <t>55053948,95</t>
  </si>
  <si>
    <t>405139055,34</t>
  </si>
  <si>
    <t>3,21</t>
  </si>
  <si>
    <t>167789238,55</t>
  </si>
  <si>
    <t>69990269,13</t>
  </si>
  <si>
    <t>322423401,46</t>
  </si>
  <si>
    <t>2,77</t>
  </si>
  <si>
    <t>250504892,43</t>
  </si>
  <si>
    <t xml:space="preserve">      303 - Suporte Profilático e Terapêutico</t>
  </si>
  <si>
    <t>83871600,00</t>
  </si>
  <si>
    <t>89263445,00</t>
  </si>
  <si>
    <t>12543514,61</t>
  </si>
  <si>
    <t>60987922,82</t>
  </si>
  <si>
    <t>0,48</t>
  </si>
  <si>
    <t>28275522,18</t>
  </si>
  <si>
    <t>17376557,15</t>
  </si>
  <si>
    <t>47404017,76</t>
  </si>
  <si>
    <t>0,41</t>
  </si>
  <si>
    <t>41859427,24</t>
  </si>
  <si>
    <t xml:space="preserve">      304 - Vigilância Sanitária</t>
  </si>
  <si>
    <t xml:space="preserve">      305 - Vigilância Epidemiológica</t>
  </si>
  <si>
    <t>30607900,00</t>
  </si>
  <si>
    <t>31721980,00</t>
  </si>
  <si>
    <t>3884309,07</t>
  </si>
  <si>
    <t>16234309,94</t>
  </si>
  <si>
    <t>0,13</t>
  </si>
  <si>
    <t>15487670,06</t>
  </si>
  <si>
    <t>3588456,50</t>
  </si>
  <si>
    <t>9488017,71</t>
  </si>
  <si>
    <t>22233962,29</t>
  </si>
  <si>
    <t xml:space="preserve">      306 - Alimentação e Nutrição</t>
  </si>
  <si>
    <t xml:space="preserve">      331 - Proteção e Benefícios ao Trabalhador</t>
  </si>
  <si>
    <t>1312500,00</t>
  </si>
  <si>
    <t>1042500,00</t>
  </si>
  <si>
    <t>92246,10</t>
  </si>
  <si>
    <t>751385,90</t>
  </si>
  <si>
    <t>291114,10</t>
  </si>
  <si>
    <t>94248,41</t>
  </si>
  <si>
    <t>693174,66</t>
  </si>
  <si>
    <t>349325,34</t>
  </si>
  <si>
    <t xml:space="preserve">      363 - Ensino Profissional</t>
  </si>
  <si>
    <t xml:space="preserve">      412 - </t>
  </si>
  <si>
    <t>787200,00</t>
  </si>
  <si>
    <t>820200,00</t>
  </si>
  <si>
    <t>46681,24</t>
  </si>
  <si>
    <t>222391,24</t>
  </si>
  <si>
    <t>597808,76</t>
  </si>
  <si>
    <t>23346,39</t>
  </si>
  <si>
    <t>134894,42</t>
  </si>
  <si>
    <t>685305,58</t>
  </si>
  <si>
    <t xml:space="preserve">      511 - Saneamento Básico Rural</t>
  </si>
  <si>
    <t>4700000,00</t>
  </si>
  <si>
    <t>1024925,22</t>
  </si>
  <si>
    <t>3207408,13</t>
  </si>
  <si>
    <t>0,03</t>
  </si>
  <si>
    <t>1492591,87</t>
  </si>
  <si>
    <t>1002918,34</t>
  </si>
  <si>
    <t>3124592,02</t>
  </si>
  <si>
    <t>1575407,98</t>
  </si>
  <si>
    <t xml:space="preserve">      572 - Desenvolvimento Tecnológico e Engenharia</t>
  </si>
  <si>
    <t>4145100,00</t>
  </si>
  <si>
    <t>749195,00</t>
  </si>
  <si>
    <t>61869,21</t>
  </si>
  <si>
    <t>685482,02</t>
  </si>
  <si>
    <t>63712,98</t>
  </si>
  <si>
    <t xml:space="preserve">   11 - Trabalho</t>
  </si>
  <si>
    <t>20956100,00</t>
  </si>
  <si>
    <t>21876660,00</t>
  </si>
  <si>
    <t>1151562,99</t>
  </si>
  <si>
    <t>5869172,36</t>
  </si>
  <si>
    <t>0,04</t>
  </si>
  <si>
    <t>16007487,64</t>
  </si>
  <si>
    <t>1111758,35</t>
  </si>
  <si>
    <t>5502331,20</t>
  </si>
  <si>
    <t>0,05</t>
  </si>
  <si>
    <t>16374328,80</t>
  </si>
  <si>
    <t>7799600,00</t>
  </si>
  <si>
    <t>8563560,00</t>
  </si>
  <si>
    <t>952519,64</t>
  </si>
  <si>
    <t>5474000,68</t>
  </si>
  <si>
    <t>3089559,32</t>
  </si>
  <si>
    <t>979129,12</t>
  </si>
  <si>
    <t>5306980,24</t>
  </si>
  <si>
    <t>3256579,76</t>
  </si>
  <si>
    <t xml:space="preserve">      334 - Fomento ao Trabalho</t>
  </si>
  <si>
    <t>13101400,00</t>
  </si>
  <si>
    <t>13252000,00</t>
  </si>
  <si>
    <t>189421,94</t>
  </si>
  <si>
    <t>347436,74</t>
  </si>
  <si>
    <t>12904563,26</t>
  </si>
  <si>
    <t>123015,00</t>
  </si>
  <si>
    <t>147819,00</t>
  </si>
  <si>
    <t>13104181,00</t>
  </si>
  <si>
    <t>55100,00</t>
  </si>
  <si>
    <t>61100,00</t>
  </si>
  <si>
    <t>9621,41</t>
  </si>
  <si>
    <t>47734,94</t>
  </si>
  <si>
    <t>13365,06</t>
  </si>
  <si>
    <t>9614,23</t>
  </si>
  <si>
    <t>47531,96</t>
  </si>
  <si>
    <t>13568,04</t>
  </si>
  <si>
    <t xml:space="preserve">   12 - Educação</t>
  </si>
  <si>
    <t>1580410900,00</t>
  </si>
  <si>
    <t>1730180423,37</t>
  </si>
  <si>
    <t>300704476,65</t>
  </si>
  <si>
    <t>1514030494,21</t>
  </si>
  <si>
    <t>12,01</t>
  </si>
  <si>
    <t>216149929,16</t>
  </si>
  <si>
    <t>318704958,09</t>
  </si>
  <si>
    <t>1469323202,42</t>
  </si>
  <si>
    <t>12,64</t>
  </si>
  <si>
    <t>260857220,95</t>
  </si>
  <si>
    <t>1291019700,00</t>
  </si>
  <si>
    <t>1460529315,37</t>
  </si>
  <si>
    <t>276259555,10</t>
  </si>
  <si>
    <t>1307932690,85</t>
  </si>
  <si>
    <t>10,38</t>
  </si>
  <si>
    <t>152596624,52</t>
  </si>
  <si>
    <t>277443127,89</t>
  </si>
  <si>
    <t>1298290888,79</t>
  </si>
  <si>
    <t>11,17</t>
  </si>
  <si>
    <t>162238426,58</t>
  </si>
  <si>
    <t xml:space="preserve">      361 - Ensino Fundamental</t>
  </si>
  <si>
    <t>19585000,00</t>
  </si>
  <si>
    <t>6438548,00</t>
  </si>
  <si>
    <t>169135,20</t>
  </si>
  <si>
    <t>6269411,98</t>
  </si>
  <si>
    <t>169136,02</t>
  </si>
  <si>
    <t>6015709,18</t>
  </si>
  <si>
    <t>422838,82</t>
  </si>
  <si>
    <t xml:space="preserve">      362 - Ensino Médio</t>
  </si>
  <si>
    <t>17683000,00</t>
  </si>
  <si>
    <t>14972034,00</t>
  </si>
  <si>
    <t>14971912,10</t>
  </si>
  <si>
    <t>121,90</t>
  </si>
  <si>
    <t>6553305,20</t>
  </si>
  <si>
    <t>14971607,78</t>
  </si>
  <si>
    <t>426,22</t>
  </si>
  <si>
    <t>24089000,00</t>
  </si>
  <si>
    <t>28560682,00</t>
  </si>
  <si>
    <t>3329222,87</t>
  </si>
  <si>
    <t>18060052,84</t>
  </si>
  <si>
    <t>0,14</t>
  </si>
  <si>
    <t>10500629,16</t>
  </si>
  <si>
    <t>4047235,52</t>
  </si>
  <si>
    <t>16245100,53</t>
  </si>
  <si>
    <t>12315581,47</t>
  </si>
  <si>
    <t>18282800,00</t>
  </si>
  <si>
    <t>17554650,00</t>
  </si>
  <si>
    <t>2014533,18</t>
  </si>
  <si>
    <t>5079462,02</t>
  </si>
  <si>
    <t>12475187,98</t>
  </si>
  <si>
    <t>1297175,13</t>
  </si>
  <si>
    <t>3887442,62</t>
  </si>
  <si>
    <t>13667207,38</t>
  </si>
  <si>
    <t xml:space="preserve">      365 - Educação Infantil</t>
  </si>
  <si>
    <t>900000,00</t>
  </si>
  <si>
    <t>400000,00</t>
  </si>
  <si>
    <t xml:space="preserve">      366 - Educação de Jovens e Adultos</t>
  </si>
  <si>
    <t>2400000,00</t>
  </si>
  <si>
    <t>729088,00</t>
  </si>
  <si>
    <t>36742,77</t>
  </si>
  <si>
    <t>593050,60</t>
  </si>
  <si>
    <t>136037,40</t>
  </si>
  <si>
    <t>18000,00</t>
  </si>
  <si>
    <t>533775,83</t>
  </si>
  <si>
    <t>195312,17</t>
  </si>
  <si>
    <t xml:space="preserve">      367 - Educação Especial</t>
  </si>
  <si>
    <t>13462800,00</t>
  </si>
  <si>
    <t>1373320,96</t>
  </si>
  <si>
    <t>9023508,60</t>
  </si>
  <si>
    <t>4439291,40</t>
  </si>
  <si>
    <t>3796406,94</t>
  </si>
  <si>
    <t>8884890,46</t>
  </si>
  <si>
    <t>4577909,54</t>
  </si>
  <si>
    <t xml:space="preserve">      368 - Educação Básica</t>
  </si>
  <si>
    <t>179526700,00</t>
  </si>
  <si>
    <t>174090556,00</t>
  </si>
  <si>
    <t>16387789,04</t>
  </si>
  <si>
    <t>145025107,98</t>
  </si>
  <si>
    <t>1,15</t>
  </si>
  <si>
    <t>29065448,02</t>
  </si>
  <si>
    <t>24131640,84</t>
  </si>
  <si>
    <t>113471868,10</t>
  </si>
  <si>
    <t>0,98</t>
  </si>
  <si>
    <t>60618687,90</t>
  </si>
  <si>
    <t xml:space="preserve">      571 - Desenvolvimento Científico</t>
  </si>
  <si>
    <t>3407000,00</t>
  </si>
  <si>
    <t>3321850,00</t>
  </si>
  <si>
    <t>512716,46</t>
  </si>
  <si>
    <t>2634033,13</t>
  </si>
  <si>
    <t>687816,87</t>
  </si>
  <si>
    <t>627470,30</t>
  </si>
  <si>
    <t>2580655,02</t>
  </si>
  <si>
    <t>741194,98</t>
  </si>
  <si>
    <t xml:space="preserve">      573 - Difusão do Conhecimento Científico e Tecnológico</t>
  </si>
  <si>
    <t>10054900,00</t>
  </si>
  <si>
    <t>10120900,00</t>
  </si>
  <si>
    <t>621461,07</t>
  </si>
  <si>
    <t>4441264,11</t>
  </si>
  <si>
    <t>5679635,89</t>
  </si>
  <si>
    <t xml:space="preserve">   13 - Cultura</t>
  </si>
  <si>
    <t>36371900,00</t>
  </si>
  <si>
    <t>43038188,17</t>
  </si>
  <si>
    <t>7524164,29</t>
  </si>
  <si>
    <t>39162095,52</t>
  </si>
  <si>
    <t>0,31</t>
  </si>
  <si>
    <t>3876092,65</t>
  </si>
  <si>
    <t>6623921,96</t>
  </si>
  <si>
    <t>35587527,94</t>
  </si>
  <si>
    <t>7450660,23</t>
  </si>
  <si>
    <t xml:space="preserve">      392 - Difusão Cultural</t>
  </si>
  <si>
    <t>36361500,00</t>
  </si>
  <si>
    <t>43027788,17</t>
  </si>
  <si>
    <t>7522333,13</t>
  </si>
  <si>
    <t>39153089,35</t>
  </si>
  <si>
    <t>3874698,82</t>
  </si>
  <si>
    <t>6622115,05</t>
  </si>
  <si>
    <t>35578590,11</t>
  </si>
  <si>
    <t>7449198,06</t>
  </si>
  <si>
    <t>10400,00</t>
  </si>
  <si>
    <t>1831,16</t>
  </si>
  <si>
    <t>9006,17</t>
  </si>
  <si>
    <t>1393,83</t>
  </si>
  <si>
    <t>1806,91</t>
  </si>
  <si>
    <t>8937,83</t>
  </si>
  <si>
    <t>1462,17</t>
  </si>
  <si>
    <t xml:space="preserve">   14 - Direitos da Cidadania</t>
  </si>
  <si>
    <t>316880900,00</t>
  </si>
  <si>
    <t>313733267,00</t>
  </si>
  <si>
    <t>43666495,46</t>
  </si>
  <si>
    <t>204725077,39</t>
  </si>
  <si>
    <t>1,62</t>
  </si>
  <si>
    <t>109008189,61</t>
  </si>
  <si>
    <t>42037329,81</t>
  </si>
  <si>
    <t>191225086,77</t>
  </si>
  <si>
    <t>1,65</t>
  </si>
  <si>
    <t>122508180,23</t>
  </si>
  <si>
    <t xml:space="preserve">      130 - Administração de Concessões</t>
  </si>
  <si>
    <t>9395100,00</t>
  </si>
  <si>
    <t>9264700,30</t>
  </si>
  <si>
    <t>1235949,04</t>
  </si>
  <si>
    <t>6815858,66</t>
  </si>
  <si>
    <t>2448841,64</t>
  </si>
  <si>
    <t>1255596,80</t>
  </si>
  <si>
    <t>6655787,82</t>
  </si>
  <si>
    <t>2608912,48</t>
  </si>
  <si>
    <t xml:space="preserve">      421 - Custódia e Reintegração Social</t>
  </si>
  <si>
    <t>299313300,00</t>
  </si>
  <si>
    <t>297301166,70</t>
  </si>
  <si>
    <t>41174014,36</t>
  </si>
  <si>
    <t>194658856,66</t>
  </si>
  <si>
    <t>1,54</t>
  </si>
  <si>
    <t>102642310,04</t>
  </si>
  <si>
    <t>40157697,96</t>
  </si>
  <si>
    <t>182278080,22</t>
  </si>
  <si>
    <t>1,57</t>
  </si>
  <si>
    <t>115023086,48</t>
  </si>
  <si>
    <t>7672500,00</t>
  </si>
  <si>
    <t>6667400,00</t>
  </si>
  <si>
    <t>1256532,06</t>
  </si>
  <si>
    <t>3250362,07</t>
  </si>
  <si>
    <t>3417037,93</t>
  </si>
  <si>
    <t>624035,05</t>
  </si>
  <si>
    <t>2291218,73</t>
  </si>
  <si>
    <t>4376181,27</t>
  </si>
  <si>
    <t xml:space="preserve">      423 - Assistência aos Povos Indígenas</t>
  </si>
  <si>
    <t>500000,00</t>
  </si>
  <si>
    <t xml:space="preserve">   15 - Urbanismo</t>
  </si>
  <si>
    <t>17446100,00</t>
  </si>
  <si>
    <t>54227162,00</t>
  </si>
  <si>
    <t>122771,40</t>
  </si>
  <si>
    <t>44985942,00</t>
  </si>
  <si>
    <t>9241220,00</t>
  </si>
  <si>
    <t>4630814,99</t>
  </si>
  <si>
    <t>6969154,42</t>
  </si>
  <si>
    <t>47258007,58</t>
  </si>
  <si>
    <t xml:space="preserve">      451 - Infra-estrutura Urbana</t>
  </si>
  <si>
    <t xml:space="preserve">   16 - Habitação </t>
  </si>
  <si>
    <t>64929400,00</t>
  </si>
  <si>
    <t>100212970,00</t>
  </si>
  <si>
    <t>4611407,92</t>
  </si>
  <si>
    <t>75881971,56</t>
  </si>
  <si>
    <t>0,60</t>
  </si>
  <si>
    <t>24330998,44</t>
  </si>
  <si>
    <t>6793372,98</t>
  </si>
  <si>
    <t>34067395,69</t>
  </si>
  <si>
    <t>0,29</t>
  </si>
  <si>
    <t>66145574,31</t>
  </si>
  <si>
    <t>12685500,00</t>
  </si>
  <si>
    <t>14237980,00</t>
  </si>
  <si>
    <t>1596727,34</t>
  </si>
  <si>
    <t>8978496,38</t>
  </si>
  <si>
    <t>5259483,62</t>
  </si>
  <si>
    <t>1564172,68</t>
  </si>
  <si>
    <t>8274095,40</t>
  </si>
  <si>
    <t>5963884,60</t>
  </si>
  <si>
    <t>1000,00</t>
  </si>
  <si>
    <t xml:space="preserve">      482 - Habitação Urbana</t>
  </si>
  <si>
    <t>52242900,00</t>
  </si>
  <si>
    <t>85973990,00</t>
  </si>
  <si>
    <t>3014680,58</t>
  </si>
  <si>
    <t>66903475,18</t>
  </si>
  <si>
    <t>0,53</t>
  </si>
  <si>
    <t>19070514,82</t>
  </si>
  <si>
    <t>5229200,30</t>
  </si>
  <si>
    <t>25793300,29</t>
  </si>
  <si>
    <t>60180689,71</t>
  </si>
  <si>
    <t xml:space="preserve">   17 - Saneamento</t>
  </si>
  <si>
    <t>130995900,00</t>
  </si>
  <si>
    <t>114015365,00</t>
  </si>
  <si>
    <t>8683080,66</t>
  </si>
  <si>
    <t>73961961,32</t>
  </si>
  <si>
    <t>0,59</t>
  </si>
  <si>
    <t>40053403,68</t>
  </si>
  <si>
    <t>11936143,79</t>
  </si>
  <si>
    <t>27665161,66</t>
  </si>
  <si>
    <t>0,24</t>
  </si>
  <si>
    <t>86350203,34</t>
  </si>
  <si>
    <t xml:space="preserve">      512 - Saneamento Básico Urbano</t>
  </si>
  <si>
    <t xml:space="preserve">   18 - Gestão Ambiental</t>
  </si>
  <si>
    <t>107915300,00</t>
  </si>
  <si>
    <t>104719386,98</t>
  </si>
  <si>
    <t>7595149,78</t>
  </si>
  <si>
    <t>43305549,89</t>
  </si>
  <si>
    <t>61413837,09</t>
  </si>
  <si>
    <t>5883394,80</t>
  </si>
  <si>
    <t>29475519,40</t>
  </si>
  <si>
    <t>0,25</t>
  </si>
  <si>
    <t>75243867,58</t>
  </si>
  <si>
    <t>47764600,00</t>
  </si>
  <si>
    <t>44204386,98</t>
  </si>
  <si>
    <t>4557290,31</t>
  </si>
  <si>
    <t>23168873,16</t>
  </si>
  <si>
    <t>0,18</t>
  </si>
  <si>
    <t>21035513,82</t>
  </si>
  <si>
    <t>4547667,97</t>
  </si>
  <si>
    <t>22569512,74</t>
  </si>
  <si>
    <t>21634874,24</t>
  </si>
  <si>
    <t xml:space="preserve">      541 - Preservação e Conservação Ambiental</t>
  </si>
  <si>
    <t>38663500,00</t>
  </si>
  <si>
    <t>36974800,00</t>
  </si>
  <si>
    <t>1062379,03</t>
  </si>
  <si>
    <t>13474105,67</t>
  </si>
  <si>
    <t>0,11</t>
  </si>
  <si>
    <t>23500694,33</t>
  </si>
  <si>
    <t>631936,45</t>
  </si>
  <si>
    <t>3321296,07</t>
  </si>
  <si>
    <t>33653503,93</t>
  </si>
  <si>
    <t xml:space="preserve">      542 - Controle Ambiental</t>
  </si>
  <si>
    <t>19502200,00</t>
  </si>
  <si>
    <t>21285200,00</t>
  </si>
  <si>
    <t>1589178,41</t>
  </si>
  <si>
    <t>5846941,71</t>
  </si>
  <si>
    <t>15438258,29</t>
  </si>
  <si>
    <t>581011,03</t>
  </si>
  <si>
    <t>3050830,56</t>
  </si>
  <si>
    <t>18234369,44</t>
  </si>
  <si>
    <t xml:space="preserve">      544 - Recursos Hídricos</t>
  </si>
  <si>
    <t>1485000,00</t>
  </si>
  <si>
    <t>1755000,00</t>
  </si>
  <si>
    <t>386302,03</t>
  </si>
  <si>
    <t>815629,35</t>
  </si>
  <si>
    <t>939370,65</t>
  </si>
  <si>
    <t>122779,35</t>
  </si>
  <si>
    <t>533880,03</t>
  </si>
  <si>
    <t>1221119,97</t>
  </si>
  <si>
    <t xml:space="preserve">      545 - Meteorologia</t>
  </si>
  <si>
    <t xml:space="preserve">   19 - Ciência e Tecnologia</t>
  </si>
  <si>
    <t>22323900,00</t>
  </si>
  <si>
    <t>37825600,00</t>
  </si>
  <si>
    <t>1908709,53</t>
  </si>
  <si>
    <t>7834230,33</t>
  </si>
  <si>
    <t>29991369,67</t>
  </si>
  <si>
    <t>2281032,67</t>
  </si>
  <si>
    <t>7038422,08</t>
  </si>
  <si>
    <t>30787177,92</t>
  </si>
  <si>
    <t>2200200,00</t>
  </si>
  <si>
    <t>1619400,00</t>
  </si>
  <si>
    <t>14493600,00</t>
  </si>
  <si>
    <t>30092500,00</t>
  </si>
  <si>
    <t>1477228,53</t>
  </si>
  <si>
    <t>6930638,27</t>
  </si>
  <si>
    <t>23161861,73</t>
  </si>
  <si>
    <t>2151792,58</t>
  </si>
  <si>
    <t>6887514,96</t>
  </si>
  <si>
    <t>23204985,04</t>
  </si>
  <si>
    <t>5630100,00</t>
  </si>
  <si>
    <t>6113700,00</t>
  </si>
  <si>
    <t>431481,00</t>
  </si>
  <si>
    <t>903592,06</t>
  </si>
  <si>
    <t>5210107,94</t>
  </si>
  <si>
    <t>129240,09</t>
  </si>
  <si>
    <t>150907,12</t>
  </si>
  <si>
    <t>5962792,88</t>
  </si>
  <si>
    <t xml:space="preserve">   20 - Agricultura</t>
  </si>
  <si>
    <t>201256600,00</t>
  </si>
  <si>
    <t>205068153,92</t>
  </si>
  <si>
    <t>17196706,00</t>
  </si>
  <si>
    <t>110296422,30</t>
  </si>
  <si>
    <t>0,87</t>
  </si>
  <si>
    <t>94771731,62</t>
  </si>
  <si>
    <t>17177588,06</t>
  </si>
  <si>
    <t>105545494,66</t>
  </si>
  <si>
    <t>0,91</t>
  </si>
  <si>
    <t>99522659,26</t>
  </si>
  <si>
    <t>120027700,00</t>
  </si>
  <si>
    <t>112028501,92</t>
  </si>
  <si>
    <t>15377748,19</t>
  </si>
  <si>
    <t>78374165,21</t>
  </si>
  <si>
    <t>33654336,71</t>
  </si>
  <si>
    <t>15654644,54</t>
  </si>
  <si>
    <t>77617186,38</t>
  </si>
  <si>
    <t>0,67</t>
  </si>
  <si>
    <t>34411315,54</t>
  </si>
  <si>
    <t>1325700,00</t>
  </si>
  <si>
    <t>525700,00</t>
  </si>
  <si>
    <t>282600,00</t>
  </si>
  <si>
    <t>153661,45</t>
  </si>
  <si>
    <t>128938,55</t>
  </si>
  <si>
    <t>2460600,00</t>
  </si>
  <si>
    <t>2519148,00</t>
  </si>
  <si>
    <t>1100,00</t>
  </si>
  <si>
    <t>21099,99</t>
  </si>
  <si>
    <t>2498048,01</t>
  </si>
  <si>
    <t>264,58</t>
  </si>
  <si>
    <t>16824,65</t>
  </si>
  <si>
    <t>2502323,35</t>
  </si>
  <si>
    <t xml:space="preserve">      604 - </t>
  </si>
  <si>
    <t>2250700,00</t>
  </si>
  <si>
    <t xml:space="preserve">      606 - Extensão Rural</t>
  </si>
  <si>
    <t>49834100,00</t>
  </si>
  <si>
    <t>62404504,00</t>
  </si>
  <si>
    <t>505548,78</t>
  </si>
  <si>
    <t>18225983,97</t>
  </si>
  <si>
    <t>44178520,03</t>
  </si>
  <si>
    <t>252417,99</t>
  </si>
  <si>
    <t>15364349,91</t>
  </si>
  <si>
    <t>47040154,09</t>
  </si>
  <si>
    <t xml:space="preserve">      607 - Irrigação</t>
  </si>
  <si>
    <t xml:space="preserve">      608 - Promoção da Produção Agropecuária</t>
  </si>
  <si>
    <t>7193400,00</t>
  </si>
  <si>
    <t>200000,00</t>
  </si>
  <si>
    <t>4455578,13</t>
  </si>
  <si>
    <t>2737821,87</t>
  </si>
  <si>
    <t>4254200,61</t>
  </si>
  <si>
    <t>2939199,39</t>
  </si>
  <si>
    <t xml:space="preserve">      609 - Defesa Agropecuária</t>
  </si>
  <si>
    <t>18163900,00</t>
  </si>
  <si>
    <t>20113900,00</t>
  </si>
  <si>
    <t>1112309,03</t>
  </si>
  <si>
    <t>9065933,55</t>
  </si>
  <si>
    <t>11047966,45</t>
  </si>
  <si>
    <t>1270260,95</t>
  </si>
  <si>
    <t>8139271,66</t>
  </si>
  <si>
    <t>11974628,34</t>
  </si>
  <si>
    <t xml:space="preserve">      691 - Promoção Comercial</t>
  </si>
  <si>
    <t xml:space="preserve">   21 - Organização Agrária</t>
  </si>
  <si>
    <t>2751500,00</t>
  </si>
  <si>
    <t>2779300,00</t>
  </si>
  <si>
    <t>158935,89</t>
  </si>
  <si>
    <t>700261,70</t>
  </si>
  <si>
    <t>2079038,30</t>
  </si>
  <si>
    <t>104050,71</t>
  </si>
  <si>
    <t>593075,30</t>
  </si>
  <si>
    <t>2186224,70</t>
  </si>
  <si>
    <t xml:space="preserve">      631 - Reforma Agrária</t>
  </si>
  <si>
    <t xml:space="preserve">   22 - Indústria</t>
  </si>
  <si>
    <t>20683400,00</t>
  </si>
  <si>
    <t>132561400,00</t>
  </si>
  <si>
    <t>16063852,47</t>
  </si>
  <si>
    <t>125255816,84</t>
  </si>
  <si>
    <t>0,99</t>
  </si>
  <si>
    <t>7305583,16</t>
  </si>
  <si>
    <t>16843884,65</t>
  </si>
  <si>
    <t>122293707,85</t>
  </si>
  <si>
    <t>10267692,15</t>
  </si>
  <si>
    <t xml:space="preserve">      661 - Promoção Industrial</t>
  </si>
  <si>
    <t xml:space="preserve">   23 - Comércio e Serviços</t>
  </si>
  <si>
    <t>38859700,00</t>
  </si>
  <si>
    <t>39647780,00</t>
  </si>
  <si>
    <t>5857089,55</t>
  </si>
  <si>
    <t>21978985,41</t>
  </si>
  <si>
    <t>17668794,59</t>
  </si>
  <si>
    <t>3410246,58</t>
  </si>
  <si>
    <t>18790568,20</t>
  </si>
  <si>
    <t>0,16</t>
  </si>
  <si>
    <t>20857211,80</t>
  </si>
  <si>
    <t>1547400,00</t>
  </si>
  <si>
    <t>1460400,00</t>
  </si>
  <si>
    <t xml:space="preserve">      665 - Normalização e Qualidade</t>
  </si>
  <si>
    <t>17383100,00</t>
  </si>
  <si>
    <t>17413300,00</t>
  </si>
  <si>
    <t>1960377,11</t>
  </si>
  <si>
    <t>9055664,26</t>
  </si>
  <si>
    <t>8357635,74</t>
  </si>
  <si>
    <t>1811860,65</t>
  </si>
  <si>
    <t>8658149,48</t>
  </si>
  <si>
    <t>8755150,52</t>
  </si>
  <si>
    <t xml:space="preserve">      692 - Comercialização</t>
  </si>
  <si>
    <t>9526900,00</t>
  </si>
  <si>
    <t>9404500,00</t>
  </si>
  <si>
    <t>1320158,48</t>
  </si>
  <si>
    <t>6944828,46</t>
  </si>
  <si>
    <t>2459671,54</t>
  </si>
  <si>
    <t>1317492,10</t>
  </si>
  <si>
    <t>6693019,24</t>
  </si>
  <si>
    <t>2711480,76</t>
  </si>
  <si>
    <t xml:space="preserve">      695 - Turismo</t>
  </si>
  <si>
    <t>10402200,00</t>
  </si>
  <si>
    <t>11369480,00</t>
  </si>
  <si>
    <t>2576553,96</t>
  </si>
  <si>
    <t>5978492,69</t>
  </si>
  <si>
    <t>5390987,31</t>
  </si>
  <si>
    <t>280893,83</t>
  </si>
  <si>
    <t>3439399,48</t>
  </si>
  <si>
    <t>7930080,52</t>
  </si>
  <si>
    <t xml:space="preserve">   24 - Comunicações</t>
  </si>
  <si>
    <t xml:space="preserve">   25 - Energia </t>
  </si>
  <si>
    <t>300000,00</t>
  </si>
  <si>
    <t>991000,00</t>
  </si>
  <si>
    <t>90575,88</t>
  </si>
  <si>
    <t>571969,19</t>
  </si>
  <si>
    <t>419030,81</t>
  </si>
  <si>
    <t>189070,07</t>
  </si>
  <si>
    <t>801929,93</t>
  </si>
  <si>
    <t xml:space="preserve">      751 - Conservação de Energia</t>
  </si>
  <si>
    <t>100000,00</t>
  </si>
  <si>
    <t>19000,00</t>
  </si>
  <si>
    <t xml:space="preserve">      752 - Energia Elétrica</t>
  </si>
  <si>
    <t>972000,00</t>
  </si>
  <si>
    <t>400030,81</t>
  </si>
  <si>
    <t>782929,93</t>
  </si>
  <si>
    <t xml:space="preserve">   26 - Transporte</t>
  </si>
  <si>
    <t>826793900,00</t>
  </si>
  <si>
    <t>947963790,89</t>
  </si>
  <si>
    <t>85170784,63</t>
  </si>
  <si>
    <t>838329763,11</t>
  </si>
  <si>
    <t>6,65</t>
  </si>
  <si>
    <t>109634027,78</t>
  </si>
  <si>
    <t>155829678,31</t>
  </si>
  <si>
    <t>704308114,96</t>
  </si>
  <si>
    <t>6,06</t>
  </si>
  <si>
    <t>243655675,93</t>
  </si>
  <si>
    <t>96542200,00</t>
  </si>
  <si>
    <t>89340350,89</t>
  </si>
  <si>
    <t>9679096,59</t>
  </si>
  <si>
    <t>53325236,04</t>
  </si>
  <si>
    <t>0,42</t>
  </si>
  <si>
    <t>36015114,85</t>
  </si>
  <si>
    <t>9665946,89</t>
  </si>
  <si>
    <t>50632870,44</t>
  </si>
  <si>
    <t>0,44</t>
  </si>
  <si>
    <t>38707480,45</t>
  </si>
  <si>
    <t xml:space="preserve">      781 - Transporte Aéreo</t>
  </si>
  <si>
    <t>1180000,00</t>
  </si>
  <si>
    <t>16148687,00</t>
  </si>
  <si>
    <t>4057966,62</t>
  </si>
  <si>
    <t>4541244,97</t>
  </si>
  <si>
    <t>11607442,03</t>
  </si>
  <si>
    <t>138802,95</t>
  </si>
  <si>
    <t>163702,95</t>
  </si>
  <si>
    <t>15984984,05</t>
  </si>
  <si>
    <t xml:space="preserve">      782 - Transporte Rodoviário</t>
  </si>
  <si>
    <t>726971700,00</t>
  </si>
  <si>
    <t>842119994,00</t>
  </si>
  <si>
    <t>71433721,42</t>
  </si>
  <si>
    <t>780463282,10</t>
  </si>
  <si>
    <t>6,19</t>
  </si>
  <si>
    <t>61656711,90</t>
  </si>
  <si>
    <t>146024928,47</t>
  </si>
  <si>
    <t>653511541,57</t>
  </si>
  <si>
    <t>5,62</t>
  </si>
  <si>
    <t>188608452,43</t>
  </si>
  <si>
    <t xml:space="preserve">      783 - Transporte Ferroviário</t>
  </si>
  <si>
    <t>1100000,00</t>
  </si>
  <si>
    <t xml:space="preserve">      784 - Transporte Hidroviário</t>
  </si>
  <si>
    <t>1000000,00</t>
  </si>
  <si>
    <t>254759,00</t>
  </si>
  <si>
    <t xml:space="preserve">   27 - Desporto e Lazer</t>
  </si>
  <si>
    <t>51823500,00</t>
  </si>
  <si>
    <t>61590300,00</t>
  </si>
  <si>
    <t>5441336,12</t>
  </si>
  <si>
    <t>18215776,77</t>
  </si>
  <si>
    <t>0,15</t>
  </si>
  <si>
    <t>43374523,23</t>
  </si>
  <si>
    <t>1569976,10</t>
  </si>
  <si>
    <t>10727286,08</t>
  </si>
  <si>
    <t>50863013,92</t>
  </si>
  <si>
    <t xml:space="preserve">      811 - Desporto de Rendimento</t>
  </si>
  <si>
    <t>8650300,00</t>
  </si>
  <si>
    <t>10572300,00</t>
  </si>
  <si>
    <t>405727,56</t>
  </si>
  <si>
    <t>4472919,34</t>
  </si>
  <si>
    <t>6099380,66</t>
  </si>
  <si>
    <t>713189,63</t>
  </si>
  <si>
    <t>4017579,02</t>
  </si>
  <si>
    <t>6554720,98</t>
  </si>
  <si>
    <t xml:space="preserve">      812 - Desporto Comunitário</t>
  </si>
  <si>
    <t>43173200,00</t>
  </si>
  <si>
    <t>51018000,00</t>
  </si>
  <si>
    <t>5035608,56</t>
  </si>
  <si>
    <t>13742857,43</t>
  </si>
  <si>
    <t>37275142,57</t>
  </si>
  <si>
    <t>856786,47</t>
  </si>
  <si>
    <t>6709707,06</t>
  </si>
  <si>
    <t>44308292,94</t>
  </si>
  <si>
    <t xml:space="preserve">   28 - Encargos Especiais</t>
  </si>
  <si>
    <t>874062500,00</t>
  </si>
  <si>
    <t>961161696,00</t>
  </si>
  <si>
    <t>288306480,32</t>
  </si>
  <si>
    <t>685357242,73</t>
  </si>
  <si>
    <t>5,43</t>
  </si>
  <si>
    <t>275804453,27</t>
  </si>
  <si>
    <t>302445067,15</t>
  </si>
  <si>
    <t>669589430,36</t>
  </si>
  <si>
    <t>5,77</t>
  </si>
  <si>
    <t>291572265,64</t>
  </si>
  <si>
    <t xml:space="preserve">      841 - Refinanciamento da Dívida Interna</t>
  </si>
  <si>
    <t>447436200,00</t>
  </si>
  <si>
    <t>301346000,00</t>
  </si>
  <si>
    <t>41481003,37</t>
  </si>
  <si>
    <t>199566263,46</t>
  </si>
  <si>
    <t>1,58</t>
  </si>
  <si>
    <t>101779736,54</t>
  </si>
  <si>
    <t>1,72</t>
  </si>
  <si>
    <t>162656100,00</t>
  </si>
  <si>
    <t>190656100,00</t>
  </si>
  <si>
    <t>22058303,50</t>
  </si>
  <si>
    <t>128969929,25</t>
  </si>
  <si>
    <t>1,02</t>
  </si>
  <si>
    <t>61686170,75</t>
  </si>
  <si>
    <t>22001772,86</t>
  </si>
  <si>
    <t>128646727,15</t>
  </si>
  <si>
    <t>62009372,85</t>
  </si>
  <si>
    <t xml:space="preserve">      844 - Serviço da Dívida Externa</t>
  </si>
  <si>
    <t>37650000,00</t>
  </si>
  <si>
    <t>55824000,00</t>
  </si>
  <si>
    <t>17594720,34</t>
  </si>
  <si>
    <t>34768708,15</t>
  </si>
  <si>
    <t>0,28</t>
  </si>
  <si>
    <t>21055291,85</t>
  </si>
  <si>
    <t>33896351,51</t>
  </si>
  <si>
    <t>21927648,49</t>
  </si>
  <si>
    <t xml:space="preserve">      845 - Outras Transferências</t>
  </si>
  <si>
    <t>33000000,00</t>
  </si>
  <si>
    <t>0,26</t>
  </si>
  <si>
    <t>27500000,00</t>
  </si>
  <si>
    <t>193320200,00</t>
  </si>
  <si>
    <t>380335596,00</t>
  </si>
  <si>
    <t>207172453,11</t>
  </si>
  <si>
    <t>289052341,87</t>
  </si>
  <si>
    <t>2,29</t>
  </si>
  <si>
    <t>91283254,13</t>
  </si>
  <si>
    <t>215867570,58</t>
  </si>
  <si>
    <t>279980088,24</t>
  </si>
  <si>
    <t>2,41</t>
  </si>
  <si>
    <t>100355507,76</t>
  </si>
  <si>
    <t xml:space="preserve">   71 - </t>
  </si>
  <si>
    <t xml:space="preserve">      957 - </t>
  </si>
  <si>
    <t xml:space="preserve">   72 - </t>
  </si>
  <si>
    <t xml:space="preserve">      369 - </t>
  </si>
  <si>
    <t xml:space="preserve">   99 - Reservas</t>
  </si>
  <si>
    <t xml:space="preserve">      999 - Reserva de Contingência</t>
  </si>
  <si>
    <t>DESPESAS INTRA-ORÇAMENTÁRIA</t>
  </si>
  <si>
    <t>13,21</t>
  </si>
  <si>
    <t>13,77</t>
  </si>
  <si>
    <t>81780300,00</t>
  </si>
  <si>
    <t>91950300,00</t>
  </si>
  <si>
    <t>15536658,34</t>
  </si>
  <si>
    <t>73152009,23</t>
  </si>
  <si>
    <t>0,58</t>
  </si>
  <si>
    <t>18798290,77</t>
  </si>
  <si>
    <t>0,63</t>
  </si>
  <si>
    <t>42280300,00</t>
  </si>
  <si>
    <t>45950300,00</t>
  </si>
  <si>
    <t>7008524,03</t>
  </si>
  <si>
    <t>33212540,68</t>
  </si>
  <si>
    <t>12737759,32</t>
  </si>
  <si>
    <t>39500000,00</t>
  </si>
  <si>
    <t>46000000,00</t>
  </si>
  <si>
    <t>8528134,31</t>
  </si>
  <si>
    <t>39939468,55</t>
  </si>
  <si>
    <t>0,32</t>
  </si>
  <si>
    <t>6060531,45</t>
  </si>
  <si>
    <t>0,34</t>
  </si>
  <si>
    <t>122430000,00</t>
  </si>
  <si>
    <t>136439338,22</t>
  </si>
  <si>
    <t>800000,00</t>
  </si>
  <si>
    <t>132127667,36</t>
  </si>
  <si>
    <t>4311670,86</t>
  </si>
  <si>
    <t>21065681,21</t>
  </si>
  <si>
    <t>103629688,92</t>
  </si>
  <si>
    <t>0,89</t>
  </si>
  <si>
    <t>32809649,30</t>
  </si>
  <si>
    <t>87620700,00</t>
  </si>
  <si>
    <t>84311050,50</t>
  </si>
  <si>
    <t>11921734,68</t>
  </si>
  <si>
    <t>60920245,65</t>
  </si>
  <si>
    <t>23390804,85</t>
  </si>
  <si>
    <t>60920215,65</t>
  </si>
  <si>
    <t>23390834,85</t>
  </si>
  <si>
    <t>41772000,00</t>
  </si>
  <si>
    <t>43272000,00</t>
  </si>
  <si>
    <t>6221366,98</t>
  </si>
  <si>
    <t>29996817,49</t>
  </si>
  <si>
    <t>13275182,51</t>
  </si>
  <si>
    <t>29996787,49</t>
  </si>
  <si>
    <t>13275212,51</t>
  </si>
  <si>
    <t>11575700,00</t>
  </si>
  <si>
    <t>12280900,00</t>
  </si>
  <si>
    <t>1929622,95</t>
  </si>
  <si>
    <t>10192003,43</t>
  </si>
  <si>
    <t>2088896,57</t>
  </si>
  <si>
    <t>175000,00</t>
  </si>
  <si>
    <t>30000,00</t>
  </si>
  <si>
    <t>34098000,00</t>
  </si>
  <si>
    <t>28728150,50</t>
  </si>
  <si>
    <t>3770744,75</t>
  </si>
  <si>
    <t>20731424,73</t>
  </si>
  <si>
    <t>7996725,77</t>
  </si>
  <si>
    <t>265456800,00</t>
  </si>
  <si>
    <t>385791205,74</t>
  </si>
  <si>
    <t>49569320,25</t>
  </si>
  <si>
    <t>279794397,50</t>
  </si>
  <si>
    <t>2,23</t>
  </si>
  <si>
    <t>105996808,24</t>
  </si>
  <si>
    <t>51544354,79</t>
  </si>
  <si>
    <t>279174929,87</t>
  </si>
  <si>
    <t>2,40</t>
  </si>
  <si>
    <t>106616275,87</t>
  </si>
  <si>
    <t>22362400,00</t>
  </si>
  <si>
    <t>25214720,96</t>
  </si>
  <si>
    <t>3123269,81</t>
  </si>
  <si>
    <t>15952342,51</t>
  </si>
  <si>
    <t>9262378,45</t>
  </si>
  <si>
    <t>2794931,21</t>
  </si>
  <si>
    <t>15332874,88</t>
  </si>
  <si>
    <t>9881846,08</t>
  </si>
  <si>
    <t>240754400,00</t>
  </si>
  <si>
    <t>358031427,31</t>
  </si>
  <si>
    <t>46051214,65</t>
  </si>
  <si>
    <t>261911071,29</t>
  </si>
  <si>
    <t>2,08</t>
  </si>
  <si>
    <t>96120356,02</t>
  </si>
  <si>
    <t>48354587,79</t>
  </si>
  <si>
    <t>2,25</t>
  </si>
  <si>
    <t>2340000,00</t>
  </si>
  <si>
    <t>2545057,47</t>
  </si>
  <si>
    <t>394835,79</t>
  </si>
  <si>
    <t>1930983,70</t>
  </si>
  <si>
    <t>614073,77</t>
  </si>
  <si>
    <t>295514300,00</t>
  </si>
  <si>
    <t>464051462,05</t>
  </si>
  <si>
    <t>104534226,11</t>
  </si>
  <si>
    <t>421089928,84</t>
  </si>
  <si>
    <t>3,34</t>
  </si>
  <si>
    <t>42961533,21</t>
  </si>
  <si>
    <t>75156709,48</t>
  </si>
  <si>
    <t>391712376,82</t>
  </si>
  <si>
    <t>3,37</t>
  </si>
  <si>
    <t>72339085,23</t>
  </si>
  <si>
    <t>7035700,00</t>
  </si>
  <si>
    <t>7360375,00</t>
  </si>
  <si>
    <t>1239333,82</t>
  </si>
  <si>
    <t>6266717,52</t>
  </si>
  <si>
    <t>1093657,48</t>
  </si>
  <si>
    <t>1149658,65</t>
  </si>
  <si>
    <t>6177042,35</t>
  </si>
  <si>
    <t>1183332,65</t>
  </si>
  <si>
    <t>45000,00</t>
  </si>
  <si>
    <t>317321,00</t>
  </si>
  <si>
    <t>157011,85</t>
  </si>
  <si>
    <t>160309,15</t>
  </si>
  <si>
    <t>17425,17</t>
  </si>
  <si>
    <t>153513,93</t>
  </si>
  <si>
    <t>163807,07</t>
  </si>
  <si>
    <t>51593600,00</t>
  </si>
  <si>
    <t>79434088,27</t>
  </si>
  <si>
    <t>19426176,00</t>
  </si>
  <si>
    <t>62625506,54</t>
  </si>
  <si>
    <t>0,50</t>
  </si>
  <si>
    <t>16808581,73</t>
  </si>
  <si>
    <t>19283870,10</t>
  </si>
  <si>
    <t>62136546,05</t>
  </si>
  <si>
    <t>17297542,22</t>
  </si>
  <si>
    <t>51573600,00</t>
  </si>
  <si>
    <t>20000,00</t>
  </si>
  <si>
    <t>2201300,00</t>
  </si>
  <si>
    <t>2203300,00</t>
  </si>
  <si>
    <t>365612,72</t>
  </si>
  <si>
    <t>1581415,16</t>
  </si>
  <si>
    <t>621884,84</t>
  </si>
  <si>
    <t>366013,30</t>
  </si>
  <si>
    <t>1581014,58</t>
  </si>
  <si>
    <t>622285,42</t>
  </si>
  <si>
    <t xml:space="preserve">      339 - </t>
  </si>
  <si>
    <t>206709300,00</t>
  </si>
  <si>
    <t>509900746,63</t>
  </si>
  <si>
    <t>119001765,03</t>
  </si>
  <si>
    <t>495648806,11</t>
  </si>
  <si>
    <t>3,93</t>
  </si>
  <si>
    <t>14251940,52</t>
  </si>
  <si>
    <t>118993371,04</t>
  </si>
  <si>
    <t>495541289,72</t>
  </si>
  <si>
    <t>4,26</t>
  </si>
  <si>
    <t>14359456,91</t>
  </si>
  <si>
    <t>180</t>
  </si>
  <si>
    <t>181</t>
  </si>
  <si>
    <t>1015300,00</t>
  </si>
  <si>
    <t>1586466,83</t>
  </si>
  <si>
    <t>257021,17</t>
  </si>
  <si>
    <t>1255728,76</t>
  </si>
  <si>
    <t>330738,07</t>
  </si>
  <si>
    <t>182</t>
  </si>
  <si>
    <t>183</t>
  </si>
  <si>
    <t>45337200,00</t>
  </si>
  <si>
    <t>50864677,00</t>
  </si>
  <si>
    <t>6310456,75</t>
  </si>
  <si>
    <t>34663825,01</t>
  </si>
  <si>
    <t>0,27</t>
  </si>
  <si>
    <t>16200851,99</t>
  </si>
  <si>
    <t>5805305,60</t>
  </si>
  <si>
    <t>33472461,15</t>
  </si>
  <si>
    <t>17392215,85</t>
  </si>
  <si>
    <t>184</t>
  </si>
  <si>
    <t>478000,00</t>
  </si>
  <si>
    <t>608399,70</t>
  </si>
  <si>
    <t>107024,78</t>
  </si>
  <si>
    <t>532682,82</t>
  </si>
  <si>
    <t>75716,88</t>
  </si>
  <si>
    <t>185</t>
  </si>
  <si>
    <t>44859200,00</t>
  </si>
  <si>
    <t>50256277,30</t>
  </si>
  <si>
    <t>6203431,97</t>
  </si>
  <si>
    <t>34131142,19</t>
  </si>
  <si>
    <t>16125135,11</t>
  </si>
  <si>
    <t>5698280,82</t>
  </si>
  <si>
    <t>32939778,33</t>
  </si>
  <si>
    <t>17316498,97</t>
  </si>
  <si>
    <t>186</t>
  </si>
  <si>
    <t>1017500,00</t>
  </si>
  <si>
    <t>1070500,00</t>
  </si>
  <si>
    <t>184356,53</t>
  </si>
  <si>
    <t>957548,05</t>
  </si>
  <si>
    <t>112951,95</t>
  </si>
  <si>
    <t>187</t>
  </si>
  <si>
    <t>188</t>
  </si>
  <si>
    <t>189</t>
  </si>
  <si>
    <t>6427600,00</t>
  </si>
  <si>
    <t>9717813,02</t>
  </si>
  <si>
    <t>880516,34</t>
  </si>
  <si>
    <t>4572780,54</t>
  </si>
  <si>
    <t>5145032,48</t>
  </si>
  <si>
    <t>885314,21</t>
  </si>
  <si>
    <t>4445477,38</t>
  </si>
  <si>
    <t>5272335,64</t>
  </si>
  <si>
    <t>190</t>
  </si>
  <si>
    <t>191</t>
  </si>
  <si>
    <t>28952100,00</t>
  </si>
  <si>
    <t>36606546,08</t>
  </si>
  <si>
    <t>5826632,56</t>
  </si>
  <si>
    <t>29456280,28</t>
  </si>
  <si>
    <t>0,23</t>
  </si>
  <si>
    <t>7150265,80</t>
  </si>
  <si>
    <t>5653942,56</t>
  </si>
  <si>
    <t>29282575,69</t>
  </si>
  <si>
    <t>7323970,39</t>
  </si>
  <si>
    <t>192</t>
  </si>
  <si>
    <t>193</t>
  </si>
  <si>
    <t>2697000,00</t>
  </si>
  <si>
    <t>2789200,00</t>
  </si>
  <si>
    <t>448548,98</t>
  </si>
  <si>
    <t>2430019,77</t>
  </si>
  <si>
    <t>359180,23</t>
  </si>
  <si>
    <t>427830,43</t>
  </si>
  <si>
    <t>2406851,73</t>
  </si>
  <si>
    <t>382348,27</t>
  </si>
  <si>
    <t>194</t>
  </si>
  <si>
    <t>1422000,00</t>
  </si>
  <si>
    <t>1391800,00</t>
  </si>
  <si>
    <t>231969,44</t>
  </si>
  <si>
    <t>1242007,30</t>
  </si>
  <si>
    <t>149792,70</t>
  </si>
  <si>
    <t>195</t>
  </si>
  <si>
    <t>1275000,00</t>
  </si>
  <si>
    <t>1397400,00</t>
  </si>
  <si>
    <t>216579,54</t>
  </si>
  <si>
    <t>1188012,47</t>
  </si>
  <si>
    <t>209387,53</t>
  </si>
  <si>
    <t>195860,99</t>
  </si>
  <si>
    <t>1164844,43</t>
  </si>
  <si>
    <t>232555,57</t>
  </si>
  <si>
    <t>196</t>
  </si>
  <si>
    <t>24645400,00</t>
  </si>
  <si>
    <t>30435458,11</t>
  </si>
  <si>
    <t>5443610,74</t>
  </si>
  <si>
    <t>26005809,60</t>
  </si>
  <si>
    <t>0,21</t>
  </si>
  <si>
    <t>4429648,51</t>
  </si>
  <si>
    <t>5453502,91</t>
  </si>
  <si>
    <t>25951494,12</t>
  </si>
  <si>
    <t>4483963,99</t>
  </si>
  <si>
    <t>197</t>
  </si>
  <si>
    <t>198</t>
  </si>
  <si>
    <t>238600,00</t>
  </si>
  <si>
    <t>380800,00</t>
  </si>
  <si>
    <t>54538,56</t>
  </si>
  <si>
    <t>259832,07</t>
  </si>
  <si>
    <t>120967,93</t>
  </si>
  <si>
    <t>54509,35</t>
  </si>
  <si>
    <t>255104,07</t>
  </si>
  <si>
    <t>125695,93</t>
  </si>
  <si>
    <t>199</t>
  </si>
  <si>
    <t>5000,00</t>
  </si>
  <si>
    <t>1720,76</t>
  </si>
  <si>
    <t>3279,24</t>
  </si>
  <si>
    <t>200</t>
  </si>
  <si>
    <t>375800,00</t>
  </si>
  <si>
    <t>258111,31</t>
  </si>
  <si>
    <t>117688,69</t>
  </si>
  <si>
    <t>120695,93</t>
  </si>
  <si>
    <t>201</t>
  </si>
  <si>
    <t>631165100,00</t>
  </si>
  <si>
    <t>152984146,00</t>
  </si>
  <si>
    <t>6505259,13</t>
  </si>
  <si>
    <t>31272349,61</t>
  </si>
  <si>
    <t>121711796,39</t>
  </si>
  <si>
    <t>6407406,27</t>
  </si>
  <si>
    <t>31023333,75</t>
  </si>
  <si>
    <t>121960812,25</t>
  </si>
  <si>
    <t>202</t>
  </si>
  <si>
    <t>432000,00</t>
  </si>
  <si>
    <t>1232000,00</t>
  </si>
  <si>
    <t>326168,23</t>
  </si>
  <si>
    <t>1116079,06</t>
  </si>
  <si>
    <t>115920,94</t>
  </si>
  <si>
    <t>203</t>
  </si>
  <si>
    <t>630733100,00</t>
  </si>
  <si>
    <t>151752146,00</t>
  </si>
  <si>
    <t>6179090,90</t>
  </si>
  <si>
    <t>30156270,55</t>
  </si>
  <si>
    <t>121595875,45</t>
  </si>
  <si>
    <t>6081238,04</t>
  </si>
  <si>
    <t>29907254,69</t>
  </si>
  <si>
    <t>121844891,31</t>
  </si>
  <si>
    <t>204</t>
  </si>
  <si>
    <t>Total</t>
  </si>
  <si>
    <t>99,98</t>
  </si>
  <si>
    <t>Anexo 3 - Demonstrativo da Receita Corrente Líquida</t>
  </si>
  <si>
    <t>LRF, Art. 53, inciso I</t>
  </si>
  <si>
    <t>ESPECIFICAÇÃO</t>
  </si>
  <si>
    <t>Evolução da Receita Realizada nos últimos 12 meses</t>
  </si>
  <si>
    <t>Nov/2017</t>
  </si>
  <si>
    <t>Dez/2017</t>
  </si>
  <si>
    <t>Jan/2018</t>
  </si>
  <si>
    <t>Fev/2018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Total (ùltimos 12 Meses)</t>
  </si>
  <si>
    <t>Previsão Atualizada</t>
  </si>
  <si>
    <t>RECEITAS CORRENTES (I)</t>
  </si>
  <si>
    <t>1107081436,38</t>
  </si>
  <si>
    <t>1510418443,32</t>
  </si>
  <si>
    <t>1531155888,16</t>
  </si>
  <si>
    <t>1178454005,70</t>
  </si>
  <si>
    <t>1257441808,07</t>
  </si>
  <si>
    <t>1277160393,27</t>
  </si>
  <si>
    <t>1291795072,86</t>
  </si>
  <si>
    <t>1258173172,38</t>
  </si>
  <si>
    <t>1339306660,07</t>
  </si>
  <si>
    <t>1310514311,64</t>
  </si>
  <si>
    <t>1203040481,25</t>
  </si>
  <si>
    <t>1205219524,40</t>
  </si>
  <si>
    <t>15469761197,50</t>
  </si>
  <si>
    <t>16543031670,00</t>
  </si>
  <si>
    <t xml:space="preserve">   Impostos, Taxas e Contribuições de Melhoria</t>
  </si>
  <si>
    <t>776437045,15</t>
  </si>
  <si>
    <t>935615078,20</t>
  </si>
  <si>
    <t>1077161911,89</t>
  </si>
  <si>
    <t>764057112,67</t>
  </si>
  <si>
    <t>856912002,91</t>
  </si>
  <si>
    <t>907315128,94</t>
  </si>
  <si>
    <t>847813227,25</t>
  </si>
  <si>
    <t>806215720,00</t>
  </si>
  <si>
    <t>910439952,09</t>
  </si>
  <si>
    <t>878106939,99</t>
  </si>
  <si>
    <t>824948829,17</t>
  </si>
  <si>
    <t>805839095,33</t>
  </si>
  <si>
    <t>10390862043,59</t>
  </si>
  <si>
    <t>10078942501,83</t>
  </si>
  <si>
    <t xml:space="preserve">      ICMS</t>
  </si>
  <si>
    <t>700522366,51</t>
  </si>
  <si>
    <t>742192455,81</t>
  </si>
  <si>
    <t>704122077,62</t>
  </si>
  <si>
    <t>606103619,50</t>
  </si>
  <si>
    <t>680155031,28</t>
  </si>
  <si>
    <t>757614960,35</t>
  </si>
  <si>
    <t>678546923,41</t>
  </si>
  <si>
    <t>667151333,43</t>
  </si>
  <si>
    <t>766460009,83</t>
  </si>
  <si>
    <t>732111156,80</t>
  </si>
  <si>
    <t>741914502,82</t>
  </si>
  <si>
    <t>702413552,62</t>
  </si>
  <si>
    <t>8479307989,98</t>
  </si>
  <si>
    <t>8182662900,00</t>
  </si>
  <si>
    <t xml:space="preserve">      IPVA</t>
  </si>
  <si>
    <t>7986594,60</t>
  </si>
  <si>
    <t>33073898,56</t>
  </si>
  <si>
    <t>293425446,33</t>
  </si>
  <si>
    <t>50633670,64</t>
  </si>
  <si>
    <t>46921086,54</t>
  </si>
  <si>
    <t>50235955,07</t>
  </si>
  <si>
    <t>45338052,39</t>
  </si>
  <si>
    <t>23886797,20</t>
  </si>
  <si>
    <t>22086959,07</t>
  </si>
  <si>
    <t>20261895,25</t>
  </si>
  <si>
    <t>17082096,56</t>
  </si>
  <si>
    <t>17254558,92</t>
  </si>
  <si>
    <t>628187011,13</t>
  </si>
  <si>
    <t>628324400,00</t>
  </si>
  <si>
    <t xml:space="preserve">      ITCD</t>
  </si>
  <si>
    <t>12914002,71</t>
  </si>
  <si>
    <t>14083560,41</t>
  </si>
  <si>
    <t>8175125,36</t>
  </si>
  <si>
    <t>11005185,52</t>
  </si>
  <si>
    <t>11262932,98</t>
  </si>
  <si>
    <t>14910830,05</t>
  </si>
  <si>
    <t>12126651,19</t>
  </si>
  <si>
    <t>16700806,53</t>
  </si>
  <si>
    <t>20334958,75</t>
  </si>
  <si>
    <t>15332786,71</t>
  </si>
  <si>
    <t>13399800,73</t>
  </si>
  <si>
    <t>14542728,88</t>
  </si>
  <si>
    <t>164789369,82</t>
  </si>
  <si>
    <t>119128500,00</t>
  </si>
  <si>
    <t xml:space="preserve">      IRRF</t>
  </si>
  <si>
    <t>31260621,37</t>
  </si>
  <si>
    <t>125365319,11</t>
  </si>
  <si>
    <t>51261765,69</t>
  </si>
  <si>
    <t>79113588,61</t>
  </si>
  <si>
    <t>100137884,05</t>
  </si>
  <si>
    <t>62093107,61</t>
  </si>
  <si>
    <t>82709266,43</t>
  </si>
  <si>
    <t>72924906,67</t>
  </si>
  <si>
    <t>75051985,37</t>
  </si>
  <si>
    <t>89780954,55</t>
  </si>
  <si>
    <t>34976603,39</t>
  </si>
  <si>
    <t>53486251,37</t>
  </si>
  <si>
    <t>858162254,22</t>
  </si>
  <si>
    <t>845793800,00</t>
  </si>
  <si>
    <t xml:space="preserve">      Outros Impostos, Taxas e Contribuições de Melhoria</t>
  </si>
  <si>
    <t>23753459,96</t>
  </si>
  <si>
    <t>20899844,31</t>
  </si>
  <si>
    <t>20177496,89</t>
  </si>
  <si>
    <t>17201048,40</t>
  </si>
  <si>
    <t>18435068,06</t>
  </si>
  <si>
    <t>22460275,86</t>
  </si>
  <si>
    <t>29092333,83</t>
  </si>
  <si>
    <t>25551876,17</t>
  </si>
  <si>
    <t>26506039,07</t>
  </si>
  <si>
    <t>20620146,68</t>
  </si>
  <si>
    <t>17575825,67</t>
  </si>
  <si>
    <t>18142003,54</t>
  </si>
  <si>
    <t>260415418,44</t>
  </si>
  <si>
    <t>9212500,46</t>
  </si>
  <si>
    <t>52620840,56</t>
  </si>
  <si>
    <t>65982411,78</t>
  </si>
  <si>
    <t>46134859,12</t>
  </si>
  <si>
    <t>47044834,50</t>
  </si>
  <si>
    <t>26747912,92</t>
  </si>
  <si>
    <t>60733453,08</t>
  </si>
  <si>
    <t>49024266,05</t>
  </si>
  <si>
    <t>42702696,46</t>
  </si>
  <si>
    <t>68152459,95</t>
  </si>
  <si>
    <t>50102838,78</t>
  </si>
  <si>
    <t>47503966,06</t>
  </si>
  <si>
    <t>565963039,72</t>
  </si>
  <si>
    <t>10526484,54</t>
  </si>
  <si>
    <t>12592416,95</t>
  </si>
  <si>
    <t>7144285,59</t>
  </si>
  <si>
    <t>7232028,44</t>
  </si>
  <si>
    <t>6980312,90</t>
  </si>
  <si>
    <t>11452755,78</t>
  </si>
  <si>
    <t>19105134,87</t>
  </si>
  <si>
    <t>11886458,63</t>
  </si>
  <si>
    <t>10143503,14</t>
  </si>
  <si>
    <t>7000684,41</t>
  </si>
  <si>
    <t>5880740,11</t>
  </si>
  <si>
    <t>6678904,45</t>
  </si>
  <si>
    <t>116623709,81</t>
  </si>
  <si>
    <t xml:space="preserve">      Rendimentos de Aplicação Financeira</t>
  </si>
  <si>
    <t>8517212,59</t>
  </si>
  <si>
    <t>5842302,25</t>
  </si>
  <si>
    <t>5245923,58</t>
  </si>
  <si>
    <t>4084063,14</t>
  </si>
  <si>
    <t>5302787,85</t>
  </si>
  <si>
    <t>4033255,96</t>
  </si>
  <si>
    <t>3846111,60</t>
  </si>
  <si>
    <t>4352894,17</t>
  </si>
  <si>
    <t>5102676,32</t>
  </si>
  <si>
    <t>4572179,15</t>
  </si>
  <si>
    <t>3758854,45</t>
  </si>
  <si>
    <t>4814384,60</t>
  </si>
  <si>
    <t>59472645,66</t>
  </si>
  <si>
    <t>270061000,00</t>
  </si>
  <si>
    <t xml:space="preserve">      Outras Receitas Patrimoniais</t>
  </si>
  <si>
    <t>2009271,95</t>
  </si>
  <si>
    <t>6750114,70</t>
  </si>
  <si>
    <t>1898362,01</t>
  </si>
  <si>
    <t>3147965,30</t>
  </si>
  <si>
    <t>1677525,05</t>
  </si>
  <si>
    <t>7419499,82</t>
  </si>
  <si>
    <t>15259023,27</t>
  </si>
  <si>
    <t>7533564,46</t>
  </si>
  <si>
    <t>5040826,82</t>
  </si>
  <si>
    <t>2428505,26</t>
  </si>
  <si>
    <t>2121885,66</t>
  </si>
  <si>
    <t>1864519,85</t>
  </si>
  <si>
    <t>57151064,15</t>
  </si>
  <si>
    <t>65820600,00</t>
  </si>
  <si>
    <t>42281444,45</t>
  </si>
  <si>
    <t>45330773,86</t>
  </si>
  <si>
    <t>32308348,06</t>
  </si>
  <si>
    <t>29932450,15</t>
  </si>
  <si>
    <t>73494130,49</t>
  </si>
  <si>
    <t>56375565,19</t>
  </si>
  <si>
    <t>58647887,54</t>
  </si>
  <si>
    <t>111181928,95</t>
  </si>
  <si>
    <t>86128109,98</t>
  </si>
  <si>
    <t>86626357,44</t>
  </si>
  <si>
    <t>75028557,78</t>
  </si>
  <si>
    <t>68402007,19</t>
  </si>
  <si>
    <t>765737561,08</t>
  </si>
  <si>
    <t>246017180,53</t>
  </si>
  <si>
    <t>397418135,92</t>
  </si>
  <si>
    <t>341208217,69</t>
  </si>
  <si>
    <t>325786196,51</t>
  </si>
  <si>
    <t>264525106,79</t>
  </si>
  <si>
    <t>264433253,82</t>
  </si>
  <si>
    <t>297619142,05</t>
  </si>
  <si>
    <t>271361610,15</t>
  </si>
  <si>
    <t>276795006,30</t>
  </si>
  <si>
    <t>266935092,44</t>
  </si>
  <si>
    <t>241253957,10</t>
  </si>
  <si>
    <t>267197272,56</t>
  </si>
  <si>
    <t>3460550171,86</t>
  </si>
  <si>
    <t>3836833400,00</t>
  </si>
  <si>
    <t xml:space="preserve">      Cota-Parte do FPE</t>
  </si>
  <si>
    <t>84651105,50</t>
  </si>
  <si>
    <t>119352365,79</t>
  </si>
  <si>
    <t>102834519,71</t>
  </si>
  <si>
    <t>136368488,69</t>
  </si>
  <si>
    <t>90984239,16</t>
  </si>
  <si>
    <t>95614518,48</t>
  </si>
  <si>
    <t>117302323,35</t>
  </si>
  <si>
    <t>111030805,63</t>
  </si>
  <si>
    <t>74687362,63</t>
  </si>
  <si>
    <t>94391817,21</t>
  </si>
  <si>
    <t>71067619,07</t>
  </si>
  <si>
    <t>80326529,56</t>
  </si>
  <si>
    <t>1178611694,78</t>
  </si>
  <si>
    <t>1357944600,00</t>
  </si>
  <si>
    <t xml:space="preserve">      Transferências da LC 87/1996</t>
  </si>
  <si>
    <t>1504729,69</t>
  </si>
  <si>
    <t>1473863,44</t>
  </si>
  <si>
    <t>17748093,78</t>
  </si>
  <si>
    <t>20281300,00</t>
  </si>
  <si>
    <t xml:space="preserve">      Transferências da LC 61/1989</t>
  </si>
  <si>
    <t>7963224,36</t>
  </si>
  <si>
    <t>10986936,91</t>
  </si>
  <si>
    <t>19917681,88</t>
  </si>
  <si>
    <t>9118341,67</t>
  </si>
  <si>
    <t>-3374318,66</t>
  </si>
  <si>
    <t>8119471,53</t>
  </si>
  <si>
    <t>8275062,90</t>
  </si>
  <si>
    <t>9087130,44</t>
  </si>
  <si>
    <t>7647121,03</t>
  </si>
  <si>
    <t>8270498,03</t>
  </si>
  <si>
    <t>8269321,93</t>
  </si>
  <si>
    <t>8393294,11</t>
  </si>
  <si>
    <t>102673766,13</t>
  </si>
  <si>
    <t>93861800,00</t>
  </si>
  <si>
    <t xml:space="preserve">      Transferências do FUNDEB</t>
  </si>
  <si>
    <t>73291716,07</t>
  </si>
  <si>
    <t>98856844,10</t>
  </si>
  <si>
    <t>97582502,11</t>
  </si>
  <si>
    <t>94820672,36</t>
  </si>
  <si>
    <t>81554219,84</t>
  </si>
  <si>
    <t>74626433,91</t>
  </si>
  <si>
    <t>100381437,50</t>
  </si>
  <si>
    <t>71957064,26</t>
  </si>
  <si>
    <t>95191798,65</t>
  </si>
  <si>
    <t>79942418,99</t>
  </si>
  <si>
    <t>77459303,27</t>
  </si>
  <si>
    <t>91937703,19</t>
  </si>
  <si>
    <t>1037602114,25</t>
  </si>
  <si>
    <t xml:space="preserve">      Outras Transferências Correntes</t>
  </si>
  <si>
    <t>78606404,91</t>
  </si>
  <si>
    <t>166717259,43</t>
  </si>
  <si>
    <t>119399650,55</t>
  </si>
  <si>
    <t>84004830,35</t>
  </si>
  <si>
    <t>93887103,01</t>
  </si>
  <si>
    <t>84598966,46</t>
  </si>
  <si>
    <t>70186454,86</t>
  </si>
  <si>
    <t>77812746,38</t>
  </si>
  <si>
    <t>97794860,55</t>
  </si>
  <si>
    <t>82856494,77</t>
  </si>
  <si>
    <t>82983849,39</t>
  </si>
  <si>
    <t>85065882,26</t>
  </si>
  <si>
    <t>1123914502,92</t>
  </si>
  <si>
    <t>1337346400,00</t>
  </si>
  <si>
    <t>22606781,25</t>
  </si>
  <si>
    <t>66841197,83</t>
  </si>
  <si>
    <t>7350713,15</t>
  </si>
  <si>
    <t>5311358,81</t>
  </si>
  <si>
    <t>8485420,48</t>
  </si>
  <si>
    <t>10835776,62</t>
  </si>
  <si>
    <t>7876228,07</t>
  </si>
  <si>
    <t>8503188,60</t>
  </si>
  <si>
    <t>13097392,10</t>
  </si>
  <si>
    <t>3692777,41</t>
  </si>
  <si>
    <t>5825558,31</t>
  </si>
  <si>
    <t>9598278,81</t>
  </si>
  <si>
    <t>170024671,44</t>
  </si>
  <si>
    <t>DEDUÇÕES (II)</t>
  </si>
  <si>
    <t>339225820,38</t>
  </si>
  <si>
    <t>439724530,91</t>
  </si>
  <si>
    <t>564549533,55</t>
  </si>
  <si>
    <t>365711247,41</t>
  </si>
  <si>
    <t>384118697,52</t>
  </si>
  <si>
    <t>401150503,46</t>
  </si>
  <si>
    <t>402255007,14</t>
  </si>
  <si>
    <t>373830627,73</t>
  </si>
  <si>
    <t>400768584,58</t>
  </si>
  <si>
    <t>412357210,12</t>
  </si>
  <si>
    <t>390429671,62</t>
  </si>
  <si>
    <t>375389511,78</t>
  </si>
  <si>
    <t>4849510946,20</t>
  </si>
  <si>
    <t>5364307027,00</t>
  </si>
  <si>
    <t xml:space="preserve">   Transferências Constitucionais e Legais</t>
  </si>
  <si>
    <t>199574627,99</t>
  </si>
  <si>
    <t>233990919,12</t>
  </si>
  <si>
    <t>339742300,06</t>
  </si>
  <si>
    <t>192104427,04</t>
  </si>
  <si>
    <t>208350267,48</t>
  </si>
  <si>
    <t>231936676,88</t>
  </si>
  <si>
    <t>207479630,68</t>
  </si>
  <si>
    <t>194336852,03</t>
  </si>
  <si>
    <t>220117717,77</t>
  </si>
  <si>
    <t>208583503,55</t>
  </si>
  <si>
    <t>208585218,97</t>
  </si>
  <si>
    <t>199981160,97</t>
  </si>
  <si>
    <t>2644783302,54</t>
  </si>
  <si>
    <t>2540051600,00</t>
  </si>
  <si>
    <t xml:space="preserve">   Contrib. do Servidor para o Plano de Previdência</t>
  </si>
  <si>
    <t>65846148,47</t>
  </si>
  <si>
    <t>46005844,00</t>
  </si>
  <si>
    <t>46882811,17</t>
  </si>
  <si>
    <t>26645437,50</t>
  </si>
  <si>
    <t>60595236,17</t>
  </si>
  <si>
    <t>48736165,80</t>
  </si>
  <si>
    <t>42586600,62</t>
  </si>
  <si>
    <t>68063222,32</t>
  </si>
  <si>
    <t>49999523,13</t>
  </si>
  <si>
    <t>47371524,54</t>
  </si>
  <si>
    <t>564565854,74</t>
  </si>
  <si>
    <t>1207364127,00</t>
  </si>
  <si>
    <t xml:space="preserve">   Compensação Financ. entre Regimes Previdência</t>
  </si>
  <si>
    <t>42678,24</t>
  </si>
  <si>
    <t>138216,91</t>
  </si>
  <si>
    <t>817877,43</t>
  </si>
  <si>
    <t>116095,84</t>
  </si>
  <si>
    <t>89237,63</t>
  </si>
  <si>
    <t>103315,65</t>
  </si>
  <si>
    <t>132441,52</t>
  </si>
  <si>
    <t>1439863,22</t>
  </si>
  <si>
    <t>9983900,00</t>
  </si>
  <si>
    <t xml:space="preserve">   Dedução de Receita para Formação do FUNDEB</t>
  </si>
  <si>
    <t>130396013,69</t>
  </si>
  <si>
    <t>153112771,23</t>
  </si>
  <si>
    <t>158961085,02</t>
  </si>
  <si>
    <t>127600976,37</t>
  </si>
  <si>
    <t>128885618,87</t>
  </si>
  <si>
    <t>142568389,08</t>
  </si>
  <si>
    <t>134041923,38</t>
  </si>
  <si>
    <t>129939732,47</t>
  </si>
  <si>
    <t>137948170,35</t>
  </si>
  <si>
    <t>135621246,62</t>
  </si>
  <si>
    <t>131741613,87</t>
  </si>
  <si>
    <t>127904384,75</t>
  </si>
  <si>
    <t>1638721925,70</t>
  </si>
  <si>
    <t>1606907400,00</t>
  </si>
  <si>
    <t>RECEITA CORRENTE LÍQUIDA (III) = (I - II)</t>
  </si>
  <si>
    <t>767855616,00</t>
  </si>
  <si>
    <t>1070693912,41</t>
  </si>
  <si>
    <t>966606354,61</t>
  </si>
  <si>
    <t>812742758,29</t>
  </si>
  <si>
    <t>873323110,55</t>
  </si>
  <si>
    <t>876009889,81</t>
  </si>
  <si>
    <t>889540065,72</t>
  </si>
  <si>
    <t>884342544,65</t>
  </si>
  <si>
    <t>938538075,49</t>
  </si>
  <si>
    <t>898157101,52</t>
  </si>
  <si>
    <t>812610809,63</t>
  </si>
  <si>
    <t>829830012,62</t>
  </si>
  <si>
    <t>10620250251,30</t>
  </si>
  <si>
    <t>11178724643,00</t>
  </si>
  <si>
    <t>Anexo 4 - Demonstrativo das Receitas e Despesas Previdenciárias do RPPS</t>
  </si>
  <si>
    <t>LRF, Art. 53, inciso II</t>
  </si>
  <si>
    <t>RECEITAS PREVIDENCIÁRIAS - PLANO PREVIDENCIÁRIO</t>
  </si>
  <si>
    <t>Até o Bimestre 2018</t>
  </si>
  <si>
    <t>Até o Bimestre 2017</t>
  </si>
  <si>
    <t>2054867500,00</t>
  </si>
  <si>
    <t>4547607900,00</t>
  </si>
  <si>
    <t>2333804848,90</t>
  </si>
  <si>
    <t>125365538,63</t>
  </si>
  <si>
    <t>Receita de Contribuições dos Segurados</t>
  </si>
  <si>
    <t>637754100,00</t>
  </si>
  <si>
    <t>502732513,72</t>
  </si>
  <si>
    <t>41429424,12</t>
  </si>
  <si>
    <t xml:space="preserve">   Civil</t>
  </si>
  <si>
    <t>555686300,00</t>
  </si>
  <si>
    <t>1075338677,00</t>
  </si>
  <si>
    <t>435695209,14</t>
  </si>
  <si>
    <t>35781991,76</t>
  </si>
  <si>
    <t xml:space="preserve">      Ativo</t>
  </si>
  <si>
    <t>469476400,00</t>
  </si>
  <si>
    <t>850639277,00</t>
  </si>
  <si>
    <t>269910836,07</t>
  </si>
  <si>
    <t>35780544,10</t>
  </si>
  <si>
    <t xml:space="preserve">      Inativo</t>
  </si>
  <si>
    <t>71112000,00</t>
  </si>
  <si>
    <t>180616200,00</t>
  </si>
  <si>
    <t>144338857,74</t>
  </si>
  <si>
    <t>1320,70</t>
  </si>
  <si>
    <t xml:space="preserve">      Pensionista</t>
  </si>
  <si>
    <t>15097900,00</t>
  </si>
  <si>
    <t>44083200,00</t>
  </si>
  <si>
    <t>21445515,33</t>
  </si>
  <si>
    <t>126,96</t>
  </si>
  <si>
    <t xml:space="preserve">   Militar</t>
  </si>
  <si>
    <t>82067800,00</t>
  </si>
  <si>
    <t>132025450,00</t>
  </si>
  <si>
    <t>67037304,58</t>
  </si>
  <si>
    <t>5647432,36</t>
  </si>
  <si>
    <t>66681800,00</t>
  </si>
  <si>
    <t>99789450,00</t>
  </si>
  <si>
    <t>48391820,39</t>
  </si>
  <si>
    <t>5647190,60</t>
  </si>
  <si>
    <t>14032400,00</t>
  </si>
  <si>
    <t>30032400,00</t>
  </si>
  <si>
    <t>17639605,05</t>
  </si>
  <si>
    <t>1353600,00</t>
  </si>
  <si>
    <t>2203600,00</t>
  </si>
  <si>
    <t>1005879,14</t>
  </si>
  <si>
    <t>241,76</t>
  </si>
  <si>
    <t>Receita de Contribuições Patronais</t>
  </si>
  <si>
    <t>845651500,00</t>
  </si>
  <si>
    <t>2167633500,00</t>
  </si>
  <si>
    <t>1207547911,13</t>
  </si>
  <si>
    <t>53479671,64</t>
  </si>
  <si>
    <t>712629400,00</t>
  </si>
  <si>
    <t>1798314650,00</t>
  </si>
  <si>
    <t>1028113116,97</t>
  </si>
  <si>
    <t>47481039,34</t>
  </si>
  <si>
    <t>623974600,00</t>
  </si>
  <si>
    <t>1295775550,00</t>
  </si>
  <si>
    <t>600231051,18</t>
  </si>
  <si>
    <t>47459403,72</t>
  </si>
  <si>
    <t>77150200,00</t>
  </si>
  <si>
    <t>439611400,00</t>
  </si>
  <si>
    <t>369700628,51</t>
  </si>
  <si>
    <t>11504600,00</t>
  </si>
  <si>
    <t>62927700,00</t>
  </si>
  <si>
    <t>58181437,28</t>
  </si>
  <si>
    <t>21635,62</t>
  </si>
  <si>
    <t>133022100,00</t>
  </si>
  <si>
    <t>369318850,00</t>
  </si>
  <si>
    <t>179434794,16</t>
  </si>
  <si>
    <t>3858578,80</t>
  </si>
  <si>
    <t>126051600,00</t>
  </si>
  <si>
    <t>296378350,00</t>
  </si>
  <si>
    <t>99043379,35</t>
  </si>
  <si>
    <t>3845392,96</t>
  </si>
  <si>
    <t>6037900,00</t>
  </si>
  <si>
    <t>65087900,00</t>
  </si>
  <si>
    <t>70686467,93</t>
  </si>
  <si>
    <t>13185,84</t>
  </si>
  <si>
    <t>932600,00</t>
  </si>
  <si>
    <t>7852600,00</t>
  </si>
  <si>
    <t>9704946,88</t>
  </si>
  <si>
    <t xml:space="preserve">   Em Regime de Parcelamento de Débitos</t>
  </si>
  <si>
    <t>2140053,50</t>
  </si>
  <si>
    <t>Receita Patrimonial</t>
  </si>
  <si>
    <t>96732500,00</t>
  </si>
  <si>
    <t>96814500,00</t>
  </si>
  <si>
    <t>4276575,69</t>
  </si>
  <si>
    <t>30341878,54</t>
  </si>
  <si>
    <t xml:space="preserve">   Receitas Imobiliárias</t>
  </si>
  <si>
    <t>13200,00</t>
  </si>
  <si>
    <t>15200,00</t>
  </si>
  <si>
    <t>1954,00</t>
  </si>
  <si>
    <t xml:space="preserve">   Receitas de Valores Mobiliários</t>
  </si>
  <si>
    <t>96719300,00</t>
  </si>
  <si>
    <t>96799300,00</t>
  </si>
  <si>
    <t>4274621,69</t>
  </si>
  <si>
    <t xml:space="preserve">   Outras Receitas Patrimoniais</t>
  </si>
  <si>
    <t>Receita de Serviços</t>
  </si>
  <si>
    <t>Outras Receitas Correntes</t>
  </si>
  <si>
    <t>474729400,00</t>
  </si>
  <si>
    <t>1075795773,00</t>
  </si>
  <si>
    <t>619247848,36</t>
  </si>
  <si>
    <t>114564,33</t>
  </si>
  <si>
    <t xml:space="preserve">   Compensação Previdenciária do RGPS para o RPPS</t>
  </si>
  <si>
    <t>6868800,00</t>
  </si>
  <si>
    <t xml:space="preserve">   Aportes Periódicos para Amortização de Déficit Atuarial do RPPS (II)1</t>
  </si>
  <si>
    <t>426393800,00</t>
  </si>
  <si>
    <t>1026640573,00</t>
  </si>
  <si>
    <t xml:space="preserve">   Demais Receitas Correntes</t>
  </si>
  <si>
    <t>41466800,00</t>
  </si>
  <si>
    <t>42286400,00</t>
  </si>
  <si>
    <t>873615,63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1628473700,00</t>
  </si>
  <si>
    <t>3520967327,00</t>
  </si>
  <si>
    <t>1715430616,17</t>
  </si>
  <si>
    <t>DESPESAS PREVIDENCIÁRIAS - PLANO PREVIDENCIÁRIO</t>
  </si>
  <si>
    <t>Dotação Atualizada</t>
  </si>
  <si>
    <t>ADMINISTRAÇÃO (V)</t>
  </si>
  <si>
    <t>59420400,00</t>
  </si>
  <si>
    <t>74291860,00</t>
  </si>
  <si>
    <t>8064819,50</t>
  </si>
  <si>
    <t>7556053,23</t>
  </si>
  <si>
    <t xml:space="preserve">   Despesas Correntes</t>
  </si>
  <si>
    <t>51940400,00</t>
  </si>
  <si>
    <t>60441860,00</t>
  </si>
  <si>
    <t xml:space="preserve">   Despesas de Capital</t>
  </si>
  <si>
    <t>7480000,00</t>
  </si>
  <si>
    <t>13850000,00</t>
  </si>
  <si>
    <t>PREVIDÊNCIA (VI)</t>
  </si>
  <si>
    <t>2122079100,00</t>
  </si>
  <si>
    <t>4599948040,00</t>
  </si>
  <si>
    <t>2367476864,82</t>
  </si>
  <si>
    <t>5588235,13</t>
  </si>
  <si>
    <t>2346106707,69</t>
  </si>
  <si>
    <t>3610895,42</t>
  </si>
  <si>
    <t xml:space="preserve">   Benefícios - Civil</t>
  </si>
  <si>
    <t>1671009600,00</t>
  </si>
  <si>
    <t>3838141290,00</t>
  </si>
  <si>
    <t>1984303936,56</t>
  </si>
  <si>
    <t>5246036,43</t>
  </si>
  <si>
    <t>1964838574,35</t>
  </si>
  <si>
    <t>3472505,83</t>
  </si>
  <si>
    <t xml:space="preserve">      Aposentadorias</t>
  </si>
  <si>
    <t>1433234700,00</t>
  </si>
  <si>
    <t>3299502640,00</t>
  </si>
  <si>
    <t>1709013177,29</t>
  </si>
  <si>
    <t>60500,00</t>
  </si>
  <si>
    <t>1692895557,66</t>
  </si>
  <si>
    <t>46537,46</t>
  </si>
  <si>
    <t xml:space="preserve">      Pensões</t>
  </si>
  <si>
    <t>158309000,00</t>
  </si>
  <si>
    <t>462039000,00</t>
  </si>
  <si>
    <t>260432528,00</t>
  </si>
  <si>
    <t>702002,51</t>
  </si>
  <si>
    <t>258712551,45</t>
  </si>
  <si>
    <t>189031,60</t>
  </si>
  <si>
    <t xml:space="preserve">      Outros Benefícios Previdenciários</t>
  </si>
  <si>
    <t>79465900,00</t>
  </si>
  <si>
    <t>76599650,00</t>
  </si>
  <si>
    <t>14858231,27</t>
  </si>
  <si>
    <t>4483533,92</t>
  </si>
  <si>
    <t>13230465,24</t>
  </si>
  <si>
    <t>3236936,77</t>
  </si>
  <si>
    <t xml:space="preserve">   Benefícios - Militar</t>
  </si>
  <si>
    <t>295639100,00</t>
  </si>
  <si>
    <t>750337350,00</t>
  </si>
  <si>
    <t>379522778,36</t>
  </si>
  <si>
    <t>342198,70</t>
  </si>
  <si>
    <t>377617983,44</t>
  </si>
  <si>
    <t>138389,59</t>
  </si>
  <si>
    <t xml:space="preserve">      Reformas</t>
  </si>
  <si>
    <t>240734300,00</t>
  </si>
  <si>
    <t>613530300,00</t>
  </si>
  <si>
    <t>333094943,48</t>
  </si>
  <si>
    <t>332174503,41</t>
  </si>
  <si>
    <t>36400000,00</t>
  </si>
  <si>
    <t>118300000,00</t>
  </si>
  <si>
    <t>45266020,88</t>
  </si>
  <si>
    <t>252198,70</t>
  </si>
  <si>
    <t>45170380,80</t>
  </si>
  <si>
    <t>136708,67</t>
  </si>
  <si>
    <t>18504800,00</t>
  </si>
  <si>
    <t>18507050,00</t>
  </si>
  <si>
    <t>1161814,00</t>
  </si>
  <si>
    <t>90000,00</t>
  </si>
  <si>
    <t>273099,23</t>
  </si>
  <si>
    <t>1680,92</t>
  </si>
  <si>
    <t xml:space="preserve">   Outras Despesas Previdenciárias</t>
  </si>
  <si>
    <t>155430400,00</t>
  </si>
  <si>
    <t>11469400,00</t>
  </si>
  <si>
    <t>3650149,90</t>
  </si>
  <si>
    <t xml:space="preserve">      Compensação Previdenciária do RPPS para o RGPS</t>
  </si>
  <si>
    <t>5458100,00</t>
  </si>
  <si>
    <t>10916200,00</t>
  </si>
  <si>
    <t xml:space="preserve">      Demais Despesas Previdenciárias</t>
  </si>
  <si>
    <t>TOTAL DAS DESPESAS PREVIDENCIÁRIAS RPPS (VII) = (V + VI)</t>
  </si>
  <si>
    <t>2181499500,00</t>
  </si>
  <si>
    <t>4674239900,00</t>
  </si>
  <si>
    <t>2375541684,32</t>
  </si>
  <si>
    <t>2353662760,92</t>
  </si>
  <si>
    <t>RESULTADO PREVIDENCIÁRIO (VIII) = (IV – VII)²</t>
  </si>
  <si>
    <t>RESULTADO PREVIDENCIÁRIO (VIII) = (IV – VII)2</t>
  </si>
  <si>
    <t>-553025800,00</t>
  </si>
  <si>
    <t>-1153272573,00</t>
  </si>
  <si>
    <t>-660111068,15</t>
  </si>
  <si>
    <t>119777303,50</t>
  </si>
  <si>
    <t>-638232144,75</t>
  </si>
  <si>
    <t>121754643,21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66624914,19</t>
  </si>
  <si>
    <t>RECEITAS PREVIDENCIÁRIAS - PLANO FINANCEIRO</t>
  </si>
  <si>
    <t>Período de Referência</t>
  </si>
  <si>
    <t>2018</t>
  </si>
  <si>
    <t>2017</t>
  </si>
  <si>
    <t>Caixa e Equivalentes de Caixa</t>
  </si>
  <si>
    <t>1943,00</t>
  </si>
  <si>
    <t>411243,04</t>
  </si>
  <si>
    <t>Investimentos e Aplicações</t>
  </si>
  <si>
    <t>61310437,21</t>
  </si>
  <si>
    <t>77153274,58</t>
  </si>
  <si>
    <t>Outros Bens e Direitos</t>
  </si>
  <si>
    <t>610116645,12</t>
  </si>
  <si>
    <t>DESPESAS PREVIDENCIÁRIAS - PLANO FINANCEIRO</t>
  </si>
  <si>
    <t>RECEITAS CORRENTES (IX)</t>
  </si>
  <si>
    <t>1671774345,21</t>
  </si>
  <si>
    <t xml:space="preserve">   Receita de Contribuições dos Segurados</t>
  </si>
  <si>
    <t>345783936,52</t>
  </si>
  <si>
    <t xml:space="preserve">      Civil</t>
  </si>
  <si>
    <t>293961254,54</t>
  </si>
  <si>
    <t xml:space="preserve">         Ativo</t>
  </si>
  <si>
    <t>210845939,08</t>
  </si>
  <si>
    <t xml:space="preserve">         Inativo</t>
  </si>
  <si>
    <t>69972452,79</t>
  </si>
  <si>
    <t xml:space="preserve">         Pensionista</t>
  </si>
  <si>
    <t>13142862,67</t>
  </si>
  <si>
    <t xml:space="preserve">      Militar</t>
  </si>
  <si>
    <t>51822681,98</t>
  </si>
  <si>
    <t>41180522,92</t>
  </si>
  <si>
    <t>9859713,83</t>
  </si>
  <si>
    <t>782445,23</t>
  </si>
  <si>
    <t xml:space="preserve">   Receita de Contribuições Patronais</t>
  </si>
  <si>
    <t>905060848,71</t>
  </si>
  <si>
    <t>738764664,70</t>
  </si>
  <si>
    <t>383992617,67</t>
  </si>
  <si>
    <t>306382963,27</t>
  </si>
  <si>
    <t>48389083,76</t>
  </si>
  <si>
    <t>166296184,01</t>
  </si>
  <si>
    <t>78419522,21</t>
  </si>
  <si>
    <t>76500970,79</t>
  </si>
  <si>
    <t>11375691,01</t>
  </si>
  <si>
    <t xml:space="preserve">      Em Regime de Parcelamento de Débitos</t>
  </si>
  <si>
    <t xml:space="preserve">   Receita Patrimonial</t>
  </si>
  <si>
    <t>255228,45</t>
  </si>
  <si>
    <t xml:space="preserve">      Receitas Imobiliárias</t>
  </si>
  <si>
    <t>9770,00</t>
  </si>
  <si>
    <t xml:space="preserve">      Receitas de Valores Mobiliários</t>
  </si>
  <si>
    <t>245458,45</t>
  </si>
  <si>
    <t xml:space="preserve">   Receita de Serviços</t>
  </si>
  <si>
    <t xml:space="preserve">   Outras Receitas Correntes</t>
  </si>
  <si>
    <t>420674331,53</t>
  </si>
  <si>
    <t xml:space="preserve">      Compensação Previdenciária do RGPS para o RPPS</t>
  </si>
  <si>
    <t>810441,93</t>
  </si>
  <si>
    <t>419863889,60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DESPESAS PREVIDENCIÁRIAS - RPPS</t>
  </si>
  <si>
    <t>ADMINISTRAÇÃO (XII)</t>
  </si>
  <si>
    <t>8508647,35</t>
  </si>
  <si>
    <t>7092935,84</t>
  </si>
  <si>
    <t>8443647,35</t>
  </si>
  <si>
    <t>7027935,84</t>
  </si>
  <si>
    <t>65000,00</t>
  </si>
  <si>
    <t>PREVIDÊNCIA (XIII)</t>
  </si>
  <si>
    <t>2429075677,40</t>
  </si>
  <si>
    <t>2160181783,41</t>
  </si>
  <si>
    <t>2010792659,30</t>
  </si>
  <si>
    <t>1810644154,66</t>
  </si>
  <si>
    <t>1690781175,71</t>
  </si>
  <si>
    <t>1552044247,62</t>
  </si>
  <si>
    <t>308578683,87</t>
  </si>
  <si>
    <t>250613603,37</t>
  </si>
  <si>
    <t>11432799,72</t>
  </si>
  <si>
    <t>7986303,67</t>
  </si>
  <si>
    <t>417119923,43</t>
  </si>
  <si>
    <t>348375341,14</t>
  </si>
  <si>
    <t>359208180,39</t>
  </si>
  <si>
    <t>303320360,50</t>
  </si>
  <si>
    <t>57691743,04</t>
  </si>
  <si>
    <t>44993681,90</t>
  </si>
  <si>
    <t>220000,00</t>
  </si>
  <si>
    <t>61298,74</t>
  </si>
  <si>
    <t>1163094,67</t>
  </si>
  <si>
    <t>1162287,61</t>
  </si>
  <si>
    <t>TOTAL DAS DESPESAS PREVIDENCIÁRIAS RPPS (XIV) = (XII + XIII)</t>
  </si>
  <si>
    <t>2437584324,75</t>
  </si>
  <si>
    <t>2167274719,25</t>
  </si>
  <si>
    <t>RESULTADO PREVIDENCIÁRIO (XV) = (XI – XIV)²</t>
  </si>
  <si>
    <t>RESULTADO PREVIDENCIÁRIO (XV) = (XI – XIV)2</t>
  </si>
  <si>
    <t>-765809979,54</t>
  </si>
  <si>
    <t>-495500374,04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>4927746600,00</t>
  </si>
  <si>
    <t>4234275739,67</t>
  </si>
  <si>
    <t xml:space="preserve">   IPVA</t>
  </si>
  <si>
    <t>251329800,00</t>
  </si>
  <si>
    <t>230535588,88</t>
  </si>
  <si>
    <t xml:space="preserve">   ITCD</t>
  </si>
  <si>
    <t>95302800,00</t>
  </si>
  <si>
    <t>110288164,47</t>
  </si>
  <si>
    <t xml:space="preserve">   IRRF</t>
  </si>
  <si>
    <t>701536313,74</t>
  </si>
  <si>
    <t xml:space="preserve">   Outros Impostos, Taxas e Contribuições de Melhoria</t>
  </si>
  <si>
    <t>Contribuições</t>
  </si>
  <si>
    <t xml:space="preserve">   Aplicações Financeiras (II)</t>
  </si>
  <si>
    <t>45113130,82</t>
  </si>
  <si>
    <t>48391677,50</t>
  </si>
  <si>
    <t>Transferências Correntes</t>
  </si>
  <si>
    <t xml:space="preserve">   Cota-Parte do FPE</t>
  </si>
  <si>
    <t>1086355700,00</t>
  </si>
  <si>
    <t>779686579,04</t>
  </si>
  <si>
    <t xml:space="preserve">   Transferências da LC 87/1996</t>
  </si>
  <si>
    <t>16225000,00</t>
  </si>
  <si>
    <t>11790907,60</t>
  </si>
  <si>
    <t xml:space="preserve">   Transferências da LC 61/1989</t>
  </si>
  <si>
    <t>56317000,00</t>
  </si>
  <si>
    <t>50264751,51</t>
  </si>
  <si>
    <t xml:space="preserve">   Transferências do FUNDEB</t>
  </si>
  <si>
    <t xml:space="preserve">   Outras Transferências Correntes</t>
  </si>
  <si>
    <t>1327314000,00</t>
  </si>
  <si>
    <t>869900166,28</t>
  </si>
  <si>
    <t>Demais Receitas Correntes</t>
  </si>
  <si>
    <t>1080894941,17</t>
  </si>
  <si>
    <t>758702035,13</t>
  </si>
  <si>
    <t xml:space="preserve">   Outras Receitas Financeiras (III)</t>
  </si>
  <si>
    <t>2406280,21</t>
  </si>
  <si>
    <t xml:space="preserve">   Receitas Correntes Restantes</t>
  </si>
  <si>
    <t>756295754,92</t>
  </si>
  <si>
    <t>RECEITAS PRIMÁRIAS CORRENTES (IV) = (I - II - III)</t>
  </si>
  <si>
    <t>12294011670,00</t>
  </si>
  <si>
    <t>9378311010,56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>364881342,00</t>
  </si>
  <si>
    <t>114984746,25</t>
  </si>
  <si>
    <t xml:space="preserve">   Outras Transferências de Capital</t>
  </si>
  <si>
    <t>666055100,00</t>
  </si>
  <si>
    <t>504180160,88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1636701142,00</t>
  </si>
  <si>
    <t>904140200,42</t>
  </si>
  <si>
    <t>RECEITA PRIMÁRIA TOTAL  (XII) = (IV + XI)</t>
  </si>
  <si>
    <t>13930712812,00</t>
  </si>
  <si>
    <t>10282451210,98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329817670,59</t>
  </si>
  <si>
    <t>394978402,40</t>
  </si>
  <si>
    <t>379145042,21</t>
  </si>
  <si>
    <t>Pessoal e Encargos Sociais</t>
  </si>
  <si>
    <t>230784863,48</t>
  </si>
  <si>
    <t>193871421,69</t>
  </si>
  <si>
    <t>193829312,36</t>
  </si>
  <si>
    <t>Juros e Encargos da Dívida (XIV)</t>
  </si>
  <si>
    <t>Outras Despesas Correntes</t>
  </si>
  <si>
    <t>99032807,11</t>
  </si>
  <si>
    <t>201106980,71</t>
  </si>
  <si>
    <t>185315729,85</t>
  </si>
  <si>
    <t>14000000,00</t>
  </si>
  <si>
    <t xml:space="preserve">   Demais Despesas Correntes</t>
  </si>
  <si>
    <t>85032807,11</t>
  </si>
  <si>
    <t>DESPESAS PRIMÁRIAS CORRENTES (XV) = (XIII - XIV)</t>
  </si>
  <si>
    <t>12919281041,61</t>
  </si>
  <si>
    <t>9012640708,55</t>
  </si>
  <si>
    <t>8463464282,14</t>
  </si>
  <si>
    <t>8229785399,99</t>
  </si>
  <si>
    <t>DESPESAS DE CAPITAL (XVI)</t>
  </si>
  <si>
    <t>22724620,08</t>
  </si>
  <si>
    <t>91179300,93</t>
  </si>
  <si>
    <t>89605934,03</t>
  </si>
  <si>
    <t>Investimentos</t>
  </si>
  <si>
    <t>Inversões Financeiras</t>
  </si>
  <si>
    <t xml:space="preserve">   Concessão de Empréstimos e Financiamentos (XVII)</t>
  </si>
  <si>
    <t>10000,00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2206500,00</t>
  </si>
  <si>
    <t>Amortização da Dívida (XX)</t>
  </si>
  <si>
    <t>DESPESAS PRIMÁRIAS DE CAPITAL (XXI) = (XVI - XVII - XVIII - XIX - XX)</t>
  </si>
  <si>
    <t>1948500303,94</t>
  </si>
  <si>
    <t>1409616977,28</t>
  </si>
  <si>
    <t>RESERVA DE CONTINGÊNCIA (XXII)</t>
  </si>
  <si>
    <t>DESPESA PRIMÁRIA TOTAL (XXIII) = (XV + XXI + XXII)</t>
  </si>
  <si>
    <t>14874177892,55</t>
  </si>
  <si>
    <t>10422257685,83</t>
  </si>
  <si>
    <t>9501039188,87</t>
  </si>
  <si>
    <t>9240354695,75</t>
  </si>
  <si>
    <t>352542290,67</t>
  </si>
  <si>
    <t>486157703,33</t>
  </si>
  <si>
    <t>468750976,24</t>
  </si>
  <si>
    <t>RESULTADO PRIMÁRIO - ACIMA DA LINHA (XXIV) = [XIIA - (XXIIIA +XXIIIB + XXIIIC)]</t>
  </si>
  <si>
    <t>Valor</t>
  </si>
  <si>
    <t>RESULTADO PRIMÁRIO - Acima da Linha (XXIV) = [XIIa - (XXIIIa +XXIIIb + XXIIIc)]</t>
  </si>
  <si>
    <t>220803248,32</t>
  </si>
  <si>
    <t>META FISCAL PARA O RESULTADO PRIMÁRIO</t>
  </si>
  <si>
    <t>Valor Corrente</t>
  </si>
  <si>
    <t>Meta fixada no Anexo de Metas Fiscais da LDO para o exercício de referência</t>
  </si>
  <si>
    <t>772321000,00</t>
  </si>
  <si>
    <t>JUROS NOMINAIS</t>
  </si>
  <si>
    <t>VALOR INCORRIDO</t>
  </si>
  <si>
    <t>JUROS E ENCARGOS ATIVOS (XXV)</t>
  </si>
  <si>
    <t>47351497,25</t>
  </si>
  <si>
    <t>JUROS E ENCARGOS PASSIVOS (XXVI)</t>
  </si>
  <si>
    <t>330631242,65</t>
  </si>
  <si>
    <t>RESULTADO NOMINAL - ACIMA DA LINHA (XXVII) = (- XXIV - XXV + XXVI)</t>
  </si>
  <si>
    <t>RESULTADO NOMINAL - Acima da Linha (XXVII) =  XXIV + (XXV - XXVI)</t>
  </si>
  <si>
    <t>-62476497,08</t>
  </si>
  <si>
    <t>META FISCAL PARA O RESULTADO NOMINAL</t>
  </si>
  <si>
    <t>672867000,00</t>
  </si>
  <si>
    <t>CÁLCULO DO RESULTADO NOMINAL</t>
  </si>
  <si>
    <t>SALDO</t>
  </si>
  <si>
    <t>Em 31/12/2017 (a)</t>
  </si>
  <si>
    <t>DÍVIDA CONSOLIDADA (XXVIII)</t>
  </si>
  <si>
    <t>8798343085,31</t>
  </si>
  <si>
    <t>8807881508,20</t>
  </si>
  <si>
    <t>DEDUÇÕES (XXIX)</t>
  </si>
  <si>
    <t>1377644925,78</t>
  </si>
  <si>
    <t>1423025302,42</t>
  </si>
  <si>
    <t xml:space="preserve">   Disponibilidade de Caixa</t>
  </si>
  <si>
    <t>1186607897,43</t>
  </si>
  <si>
    <t xml:space="preserve">      Disponibilidade de Caixa Bruta</t>
  </si>
  <si>
    <t>1445376794,38</t>
  </si>
  <si>
    <t>1292356985,71</t>
  </si>
  <si>
    <t xml:space="preserve">      (-) Restos a Pagar Processados (XXX)</t>
  </si>
  <si>
    <t>67731868,60</t>
  </si>
  <si>
    <t>105749088,28</t>
  </si>
  <si>
    <t xml:space="preserve">   Demais Haveres Financeiros</t>
  </si>
  <si>
    <t>236417404,99</t>
  </si>
  <si>
    <t>DÍVIDA CONSOLIDADA LÍQUIDA (XXXI) = (XXVIII - XXIX)</t>
  </si>
  <si>
    <t>7420698159,53</t>
  </si>
  <si>
    <t>7384856205,78</t>
  </si>
  <si>
    <t>DEMONSTRATIVO DA EXECUÇÃO DAS DESPESAS POR FUNÇÃO</t>
  </si>
  <si>
    <t>Até o Bimestre/ 2018</t>
  </si>
  <si>
    <t>RESULTADO NOMINAL - Abaixo da Linha (XXXII) = (XXXIa - XXXIb)</t>
  </si>
  <si>
    <t>35841953,75</t>
  </si>
  <si>
    <t>AJUSTE METODOLÓGICO</t>
  </si>
  <si>
    <t>VARIAÇÃO SALDO RPP = (XXXIII) = (XXXa - XXXb)</t>
  </si>
  <si>
    <t>-38017219,68</t>
  </si>
  <si>
    <t>RECEITA DE ALIENAÇÃO DE INVESTIMENTOS PERMANENTES (IX)</t>
  </si>
  <si>
    <t>PASSIVOS RECONHECIDOS NA DC (XXXIV)</t>
  </si>
  <si>
    <t>87571363,78</t>
  </si>
  <si>
    <t>OUTROS AJUSTES (XXXV)</t>
  </si>
  <si>
    <t>RESULTADO NOMINAL AJUSTADO - Abaixo da Linha (XXXVI) = (XXXII - XXXIII - IX + XXXIV + XXXV)</t>
  </si>
  <si>
    <t>161430537,21</t>
  </si>
  <si>
    <t>RESULTADO PRIMÁRIO - ABAIXO DA LINHA (XXXVII) =  XXXVI - (XXV - XXVI)</t>
  </si>
  <si>
    <t>RESULTADO PRIMÁRIO - Abaixo da Linha (XXXVII) =  XXXVI - (XXV - XXVI)</t>
  </si>
  <si>
    <t>444710282,61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7</t>
  </si>
  <si>
    <t>Até o Bimestre/  2018</t>
  </si>
  <si>
    <t>INSCRITAS EM RESTOS A PAGAR NÃO PROCESSADOS</t>
  </si>
  <si>
    <t>DESPESAS CORRENTES (XXXVIII)</t>
  </si>
  <si>
    <t>11083414788,37</t>
  </si>
  <si>
    <t>10957651295,06</t>
  </si>
  <si>
    <t>9801393636,59</t>
  </si>
  <si>
    <t>10346253540,55</t>
  </si>
  <si>
    <t>7616593415,62</t>
  </si>
  <si>
    <t>7574206044,76</t>
  </si>
  <si>
    <t>6980172922,78</t>
  </si>
  <si>
    <t>7301631513,38</t>
  </si>
  <si>
    <t>Juros e Encargos da Dívida (XXXIX)</t>
  </si>
  <si>
    <t>171076924,36</t>
  </si>
  <si>
    <t>165628302,00</t>
  </si>
  <si>
    <t>3295744448,39</t>
  </si>
  <si>
    <t>3102672543,24</t>
  </si>
  <si>
    <t>2655592411,81</t>
  </si>
  <si>
    <t>2765061970,58</t>
  </si>
  <si>
    <t>DESPESAS PRIMÁRIAS CORRENTES (XL) = (XXXVIII - XXXIX)</t>
  </si>
  <si>
    <t>10912337864,01</t>
  </si>
  <si>
    <t>10676878588,00</t>
  </si>
  <si>
    <t>9635765334,59</t>
  </si>
  <si>
    <t>10066693483,96</t>
  </si>
  <si>
    <t>Transferências Constitucionais (XLI)</t>
  </si>
  <si>
    <t>142668202,76</t>
  </si>
  <si>
    <t>Contribuições para o PIS/PASEP (XLII)</t>
  </si>
  <si>
    <t>86517039,96</t>
  </si>
  <si>
    <t>78752032,33</t>
  </si>
  <si>
    <t>70839411,71</t>
  </si>
  <si>
    <t>70557266,69</t>
  </si>
  <si>
    <t>DESPESAS PRIMÁRIAS CORRENTES APURADAS CONFORME O ART. 4º DA LC 156/16 (XLIII) = (XL - XLI - XLII)</t>
  </si>
  <si>
    <t>10657820824,05</t>
  </si>
  <si>
    <t>10430126555,67</t>
  </si>
  <si>
    <t>9422257720,12</t>
  </si>
  <si>
    <t>9856136217,27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7 (b)</t>
  </si>
  <si>
    <t>Cancelados (d)</t>
  </si>
  <si>
    <t>Saldo e=(a+b)-(c+d)</t>
  </si>
  <si>
    <t>RP Não Processado</t>
  </si>
  <si>
    <t>Inscritos em Exercícios Anteriores (f)</t>
  </si>
  <si>
    <t>Inscritos Em 31 de Dezembro de 2017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>27986238,44</t>
  </si>
  <si>
    <t>406507146,09</t>
  </si>
  <si>
    <t>4252872,79</t>
  </si>
  <si>
    <t>77698221,07</t>
  </si>
  <si>
    <t>11381171,49</t>
  </si>
  <si>
    <t>1014244280,01</t>
  </si>
  <si>
    <t>431406850,47</t>
  </si>
  <si>
    <t>125467624,79</t>
  </si>
  <si>
    <t>203165845,86</t>
  </si>
  <si>
    <t xml:space="preserve">   PODER EXECUTIVO</t>
  </si>
  <si>
    <t>359014034,35</t>
  </si>
  <si>
    <t>305078635,17</t>
  </si>
  <si>
    <t>4237229,85</t>
  </si>
  <si>
    <t>77684407,77</t>
  </si>
  <si>
    <t>956032779,26</t>
  </si>
  <si>
    <t>439393605,33</t>
  </si>
  <si>
    <t>421986878,24</t>
  </si>
  <si>
    <t>421287556,92</t>
  </si>
  <si>
    <t>124139515,59</t>
  </si>
  <si>
    <t>201823923,36</t>
  </si>
  <si>
    <t xml:space="preserve">   PODER LEGISLATIVO</t>
  </si>
  <si>
    <t>11154532,18</t>
  </si>
  <si>
    <t>6963242,18</t>
  </si>
  <si>
    <t>6916273,78</t>
  </si>
  <si>
    <t>46968,40</t>
  </si>
  <si>
    <t xml:space="preserve">      Assembleia Legislativa</t>
  </si>
  <si>
    <t>10394069,26</t>
  </si>
  <si>
    <t xml:space="preserve">      Tribunal de Contas do Estado</t>
  </si>
  <si>
    <t>758842,92</t>
  </si>
  <si>
    <t>6958799,18</t>
  </si>
  <si>
    <t>6911830,78</t>
  </si>
  <si>
    <t xml:space="preserve">      FUNTC</t>
  </si>
  <si>
    <t>1620,00</t>
  </si>
  <si>
    <t>4443,00</t>
  </si>
  <si>
    <t xml:space="preserve">   PODER JUDICIÁRIO</t>
  </si>
  <si>
    <t>35153056,26</t>
  </si>
  <si>
    <t>35137414,09</t>
  </si>
  <si>
    <t>15642,17</t>
  </si>
  <si>
    <t>18618679,00</t>
  </si>
  <si>
    <t>13165828,57</t>
  </si>
  <si>
    <t>4904348,28</t>
  </si>
  <si>
    <t>548502,15</t>
  </si>
  <si>
    <t xml:space="preserve">      Tribunal de Justiça do Estado</t>
  </si>
  <si>
    <t>32732129,65</t>
  </si>
  <si>
    <t>32716927,48</t>
  </si>
  <si>
    <t>15202,17</t>
  </si>
  <si>
    <t xml:space="preserve">      FUNJECC</t>
  </si>
  <si>
    <t>2420926,61</t>
  </si>
  <si>
    <t>2420486,61</t>
  </si>
  <si>
    <t>440,00</t>
  </si>
  <si>
    <t xml:space="preserve">   MINISTÉRIO PÚBLICO</t>
  </si>
  <si>
    <t>808440,98</t>
  </si>
  <si>
    <t>794627,68</t>
  </si>
  <si>
    <t>13813,30</t>
  </si>
  <si>
    <t>30606960,28</t>
  </si>
  <si>
    <t>25206665,92</t>
  </si>
  <si>
    <t>4620687,31</t>
  </si>
  <si>
    <t>779607,05</t>
  </si>
  <si>
    <t>793420,35</t>
  </si>
  <si>
    <t xml:space="preserve">      Procuradoria Geral da Justiça</t>
  </si>
  <si>
    <t>18725077,81</t>
  </si>
  <si>
    <t>17505780,74</t>
  </si>
  <si>
    <t>547484,02</t>
  </si>
  <si>
    <t>671813,05</t>
  </si>
  <si>
    <t>685626,35</t>
  </si>
  <si>
    <t xml:space="preserve">      FEADMP/MS</t>
  </si>
  <si>
    <t>11881882,47</t>
  </si>
  <si>
    <t>7700885,18</t>
  </si>
  <si>
    <t>4073203,29</t>
  </si>
  <si>
    <t>107794,00</t>
  </si>
  <si>
    <t xml:space="preserve">      FUNDROGAS/MS</t>
  </si>
  <si>
    <t xml:space="preserve">   DEFENSORIA PÚBLICA </t>
  </si>
  <si>
    <t>377082,32</t>
  </si>
  <si>
    <t>377081,55</t>
  </si>
  <si>
    <t>0,77</t>
  </si>
  <si>
    <t>2022619,29</t>
  </si>
  <si>
    <t>1475329,73</t>
  </si>
  <si>
    <t>547289,56</t>
  </si>
  <si>
    <t>RESTOS A PAGAR (Intra-Orçamentários)(II)</t>
  </si>
  <si>
    <t>30044875,41</t>
  </si>
  <si>
    <t>330164685,42</t>
  </si>
  <si>
    <t>350017018,27</t>
  </si>
  <si>
    <t>50908,86</t>
  </si>
  <si>
    <t>10141633,70</t>
  </si>
  <si>
    <t>503414,05</t>
  </si>
  <si>
    <t>91257,22</t>
  </si>
  <si>
    <t>519331,62</t>
  </si>
  <si>
    <t>16825,20</t>
  </si>
  <si>
    <t>577846,07</t>
  </si>
  <si>
    <t>10719479,77</t>
  </si>
  <si>
    <t xml:space="preserve">   EXECUTIVO</t>
  </si>
  <si>
    <t>317295684,71</t>
  </si>
  <si>
    <t>337148017,56</t>
  </si>
  <si>
    <t xml:space="preserve">   LEGISLATIVO</t>
  </si>
  <si>
    <t>3039388,98</t>
  </si>
  <si>
    <t>3037607,58</t>
  </si>
  <si>
    <t>1781,40</t>
  </si>
  <si>
    <t xml:space="preserve">   JUDICIÁRIO</t>
  </si>
  <si>
    <t>8681657,11</t>
  </si>
  <si>
    <t>1147954,62</t>
  </si>
  <si>
    <t>TOTAL(III) = (I+II)</t>
  </si>
  <si>
    <t>58031113,85</t>
  </si>
  <si>
    <t>736671831,51</t>
  </si>
  <si>
    <t>702559308,94</t>
  </si>
  <si>
    <t>4303781,65</t>
  </si>
  <si>
    <t>87839854,77</t>
  </si>
  <si>
    <t>11884585,54</t>
  </si>
  <si>
    <t>1014335537,23</t>
  </si>
  <si>
    <t>486677034,95</t>
  </si>
  <si>
    <t>468767801,44</t>
  </si>
  <si>
    <t>126045470,86</t>
  </si>
  <si>
    <t>213885325,63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>9770909600,00</t>
  </si>
  <si>
    <t>9775909600,00</t>
  </si>
  <si>
    <t>8463047806,07</t>
  </si>
  <si>
    <t>86,57</t>
  </si>
  <si>
    <t xml:space="preserve">   1.1- Receita Resultante do Imposto sobre a Circulação de Mercadorias e Serviços de Transporte Interestadual e Intermunicipal e de Comunicação - ICMS</t>
  </si>
  <si>
    <t>8177662900,00</t>
  </si>
  <si>
    <t>7036593167,66</t>
  </si>
  <si>
    <t>85,99</t>
  </si>
  <si>
    <t xml:space="preserve">      1.1.1- ICMS</t>
  </si>
  <si>
    <t>8042640700,00</t>
  </si>
  <si>
    <t>6938562760,77</t>
  </si>
  <si>
    <t>86,27</t>
  </si>
  <si>
    <t xml:space="preserve">      1.1.2- Multas, Juros de Mora, Divida Ativa e Outros Encargos do ICMS</t>
  </si>
  <si>
    <t>54925300,00</t>
  </si>
  <si>
    <t>59925300,00</t>
  </si>
  <si>
    <t>36431211,51</t>
  </si>
  <si>
    <t>60,79</t>
  </si>
  <si>
    <t xml:space="preserve">      1.1.3- Adicional de até 2% do ICMS destinado ao Fundo de Combate à Pobreza (ADCT, art. 82, §1º)</t>
  </si>
  <si>
    <t>80096900,00</t>
  </si>
  <si>
    <t>61599195,38</t>
  </si>
  <si>
    <t>76,91</t>
  </si>
  <si>
    <t xml:space="preserve">   1.2- Receita Resultante do Imposto de Transmissão Causa Mortis e Doação de Bens e Direitos – ITCD</t>
  </si>
  <si>
    <t>137791806,70</t>
  </si>
  <si>
    <t>115,67</t>
  </si>
  <si>
    <t xml:space="preserve">      1.2.1- ITCD</t>
  </si>
  <si>
    <t>118137000,00</t>
  </si>
  <si>
    <t>137306089,65</t>
  </si>
  <si>
    <t>116,23</t>
  </si>
  <si>
    <t xml:space="preserve">      1.2.2- Multas, Juros de Mora, Dívida Ativa e Outros Encargos do ITCD</t>
  </si>
  <si>
    <t>991500,00</t>
  </si>
  <si>
    <t>485717,05</t>
  </si>
  <si>
    <t>48,99</t>
  </si>
  <si>
    <t xml:space="preserve">   1.3- Receita Resultante do Imposto sobre a Propriedade de Veículos Automotores – IPVA</t>
  </si>
  <si>
    <t>587126517,97</t>
  </si>
  <si>
    <t>93,44</t>
  </si>
  <si>
    <t xml:space="preserve">      1.3.1- IPVA</t>
  </si>
  <si>
    <t>599125100,00</t>
  </si>
  <si>
    <t>562692378,00</t>
  </si>
  <si>
    <t>93,92</t>
  </si>
  <si>
    <t xml:space="preserve">      1.3.2- Multas, Juros de Mora, Dívida Ativa e Outros Encargos do IPVA</t>
  </si>
  <si>
    <t>29199300,00</t>
  </si>
  <si>
    <t>24434139,97</t>
  </si>
  <si>
    <t>83,68</t>
  </si>
  <si>
    <t xml:space="preserve">   1.4- Receita Resultante do Imposto sobre a Renda e Proventos de Qualquer Natureza Retido na Fonte – IRRF</t>
  </si>
  <si>
    <t>82,94</t>
  </si>
  <si>
    <t>2- RECEITA DE TRANSFERÊNCIAS CONSTITUCIONAIS E LEGAIS</t>
  </si>
  <si>
    <t>1472087700,00</t>
  </si>
  <si>
    <t>1073070462,75</t>
  </si>
  <si>
    <t>233,64</t>
  </si>
  <si>
    <t xml:space="preserve">   2.1- Cota-Parte FPE</t>
  </si>
  <si>
    <t>974608223,49</t>
  </si>
  <si>
    <t>71,77</t>
  </si>
  <si>
    <t xml:space="preserve">   2.2- ICMS-Desoneração - L.C. nº87/1996</t>
  </si>
  <si>
    <t>14738634,40</t>
  </si>
  <si>
    <t>72,67</t>
  </si>
  <si>
    <t xml:space="preserve">   2.3- Cota-Parte IPI-Exportação</t>
  </si>
  <si>
    <t>83723604,86</t>
  </si>
  <si>
    <t>89,20</t>
  </si>
  <si>
    <t xml:space="preserve">   2.4- Cota-Parte IOF-Ouro</t>
  </si>
  <si>
    <t>3- DEDUÇÕES DE TRANSFERÊNCIAS CONSTITUCIONAIS AOS MUNICÍPIOS</t>
  </si>
  <si>
    <t>2362019150,00</t>
  </si>
  <si>
    <t>2363269150,00</t>
  </si>
  <si>
    <t>2058242653,27</t>
  </si>
  <si>
    <t>268,72</t>
  </si>
  <si>
    <t xml:space="preserve">   3.1- PARCELA DO ICMS REPASSADA AOS MUNICÍPIOS (25% de (1.1 - 1.1.3))</t>
  </si>
  <si>
    <t>2024391500,00</t>
  </si>
  <si>
    <t>2025641500,00</t>
  </si>
  <si>
    <t>1743748493,07</t>
  </si>
  <si>
    <t>86,08</t>
  </si>
  <si>
    <t xml:space="preserve">   3.2- PARCELA DO IPVA REPASSADA AOS MUNICÍPIOS (50% de 1.3)</t>
  </si>
  <si>
    <t>314162200,00</t>
  </si>
  <si>
    <t>293563258,99</t>
  </si>
  <si>
    <t xml:space="preserve">   3.3- PARCELA DA COTA-PARTE DO IPI-EXPORTAÇÃO REPASSADA AOS MUNICÍPIOS (25% de 2.3)</t>
  </si>
  <si>
    <t>23465450,00</t>
  </si>
  <si>
    <t>20930901,21</t>
  </si>
  <si>
    <t>4- TOTAL DA RECEITA LÍQUIDA DE IMPOSTOS (1 + 2 - 3)</t>
  </si>
  <si>
    <t>8880978150,00</t>
  </si>
  <si>
    <t>8884728150,00</t>
  </si>
  <si>
    <t>7477875615,55</t>
  </si>
  <si>
    <t>84,17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>100354300,00</t>
  </si>
  <si>
    <t>105854300,00</t>
  </si>
  <si>
    <t>64443819,09</t>
  </si>
  <si>
    <t>60,88</t>
  </si>
  <si>
    <t xml:space="preserve">   6.1- Transferências do Salário-Educação</t>
  </si>
  <si>
    <t>55119500,00</t>
  </si>
  <si>
    <t>46637739,62</t>
  </si>
  <si>
    <t>84,61</t>
  </si>
  <si>
    <t xml:space="preserve">   6.2- Transferências Diretas – PDDE</t>
  </si>
  <si>
    <t>160,00</t>
  </si>
  <si>
    <t>16,00</t>
  </si>
  <si>
    <t xml:space="preserve">   6.3- Transferências Diretas – PNAE</t>
  </si>
  <si>
    <t>15000000,00</t>
  </si>
  <si>
    <t>16530188,80</t>
  </si>
  <si>
    <t>110,20</t>
  </si>
  <si>
    <t xml:space="preserve">   6.4 - Transferências Diretas – PNATE</t>
  </si>
  <si>
    <t xml:space="preserve">   6.5- Outras Transferências do FNDE</t>
  </si>
  <si>
    <t>28565000,00</t>
  </si>
  <si>
    <t>34065000,00</t>
  </si>
  <si>
    <t xml:space="preserve">   6.6- Aplicação Financeira dos Recursos do FNDE</t>
  </si>
  <si>
    <t>1648800,00</t>
  </si>
  <si>
    <t>1275730,67</t>
  </si>
  <si>
    <t>77,37</t>
  </si>
  <si>
    <t>7- RECEITA DE TRANSFERÊNCIAS DE CONVÊNIOS</t>
  </si>
  <si>
    <t>33214000,00</t>
  </si>
  <si>
    <t>18146869,25</t>
  </si>
  <si>
    <t>54,64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133568300,00</t>
  </si>
  <si>
    <t>139068300,00</t>
  </si>
  <si>
    <t>82590688,34</t>
  </si>
  <si>
    <t>59,39</t>
  </si>
  <si>
    <t>RECEITAS DO FUNDEB</t>
  </si>
  <si>
    <t>11- RECEITAS DESTINADAS AO FUNDEB</t>
  </si>
  <si>
    <t>1607036870,00</t>
  </si>
  <si>
    <t>1607786870,00</t>
  </si>
  <si>
    <t>1355267860,37</t>
  </si>
  <si>
    <t>84,29</t>
  </si>
  <si>
    <t>11.1- Receita Resultante do ICMS Destinada ao FUNDEB – (20% de (1.1 – 3.1))</t>
  </si>
  <si>
    <t>1230654280,00</t>
  </si>
  <si>
    <t>1231404280,00</t>
  </si>
  <si>
    <t>1058568934,92</t>
  </si>
  <si>
    <t>85,96</t>
  </si>
  <si>
    <t>11.2- Receita Resultante do ITCD Destinada ao FUNDEB – (20% de 1.2)</t>
  </si>
  <si>
    <t>23825700,00</t>
  </si>
  <si>
    <t>27558361,34</t>
  </si>
  <si>
    <t>11.3- Receita Resultante do IPVA Destinada ao FUNDEB – (20% de (1.3 – 3.2)</t>
  </si>
  <si>
    <t>62832440,00</t>
  </si>
  <si>
    <t>58712651,80</t>
  </si>
  <si>
    <t>11.4- Cota-Parte FPE Destinada ao FUNDEB – (20% de 2.1)</t>
  </si>
  <si>
    <t>271588920,00</t>
  </si>
  <si>
    <t>194921644,70</t>
  </si>
  <si>
    <t>11.5- ICMS-Desoneração Destinada ao FUNDEB – (20% de 2.2)</t>
  </si>
  <si>
    <t>4056260,00</t>
  </si>
  <si>
    <t>2947726,88</t>
  </si>
  <si>
    <t>11.6- Cota-Parte IPI Exportação Destinada ao FUNDEB – (20% de (2.3 – 3.3))</t>
  </si>
  <si>
    <t>14079270,00</t>
  </si>
  <si>
    <t>12558540,73</t>
  </si>
  <si>
    <t>12- RECEITAS RECEBIDAS DO FUNDEB</t>
  </si>
  <si>
    <t>1030494000,00</t>
  </si>
  <si>
    <t>871380670,72</t>
  </si>
  <si>
    <t>84,56</t>
  </si>
  <si>
    <t>12.1- Transferências de Recursos do FUNDEB</t>
  </si>
  <si>
    <t>12.2- Complementação da União ao FUNDEB</t>
  </si>
  <si>
    <t>12.3- Receita de Aplicação Financeira dos Recursos do FUNDEB</t>
  </si>
  <si>
    <t>3094700,00</t>
  </si>
  <si>
    <t>5927116,64</t>
  </si>
  <si>
    <t>191,52</t>
  </si>
  <si>
    <t>13- RESULTADO LÍQUIDO DAS TRANSFERÊNCIAS DO FUNDEB (12.1 – 11)</t>
  </si>
  <si>
    <t>-579637570,00</t>
  </si>
  <si>
    <t>-580387570,00</t>
  </si>
  <si>
    <t>-489814306,29</t>
  </si>
  <si>
    <t>84,39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>1018494000,00</t>
  </si>
  <si>
    <t>1017391200,00</t>
  </si>
  <si>
    <t>931353033,24</t>
  </si>
  <si>
    <t>91,54</t>
  </si>
  <si>
    <t>930256290,20</t>
  </si>
  <si>
    <t>91,44</t>
  </si>
  <si>
    <t xml:space="preserve">   14.1- Com Ensino Fundamental</t>
  </si>
  <si>
    <t>611096400,00</t>
  </si>
  <si>
    <t>610434720,00</t>
  </si>
  <si>
    <t>558811819,94</t>
  </si>
  <si>
    <t>558153774,12</t>
  </si>
  <si>
    <t xml:space="preserve">   14.2- Com Ensino Médio</t>
  </si>
  <si>
    <t>407397600,00</t>
  </si>
  <si>
    <t>406956480,00</t>
  </si>
  <si>
    <t>372541213,30</t>
  </si>
  <si>
    <t>372102516,08</t>
  </si>
  <si>
    <t>15- OUTRAS DESPESAS</t>
  </si>
  <si>
    <t>12000000,00</t>
  </si>
  <si>
    <t>13102800,00</t>
  </si>
  <si>
    <t>10027434,04</t>
  </si>
  <si>
    <t>76,53</t>
  </si>
  <si>
    <t>9888815,90</t>
  </si>
  <si>
    <t>75,47</t>
  </si>
  <si>
    <t xml:space="preserve">   15.1- Com Ensino Fundamental</t>
  </si>
  <si>
    <t xml:space="preserve">   15.2- Com Ensino Médio</t>
  </si>
  <si>
    <t>16- TOTAL DAS DESPESAS DO FUNDEB (14 + 15)</t>
  </si>
  <si>
    <t>941380467,28</t>
  </si>
  <si>
    <t>91,35</t>
  </si>
  <si>
    <t>940145106,10</t>
  </si>
  <si>
    <t>91,23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106,76</t>
  </si>
  <si>
    <t>20.2 - Máximo de 40% em Despesa com MDE, que não Remuneração do Magistério (15 - (17.2 + 18.2)) / (12) x 100) %</t>
  </si>
  <si>
    <t>1,13</t>
  </si>
  <si>
    <t>20.3 - Máximo de 5% não Aplicado no Exercício (100 - (20.1 + 20.2)) %</t>
  </si>
  <si>
    <t>-7,89</t>
  </si>
  <si>
    <t>CONTROLE DA UTILIZAÇÃO DE RECURSOS NO EXERCÍCIO SUBSEQUENTE</t>
  </si>
  <si>
    <t>21- RECURSOS RECEBIDOS DO FUNDEB EM 2017 QUE NÃO FORAM UTILIZADOS</t>
  </si>
  <si>
    <t>22 – DESPESAS CUSTEADAS COM O SALDO DO ITEM 21 ATÉ O 1º TRIMESTRE DE 2018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>642281400,00</t>
  </si>
  <si>
    <t>629976068,00</t>
  </si>
  <si>
    <t>575108665,96</t>
  </si>
  <si>
    <t>91,29</t>
  </si>
  <si>
    <t>574058299,20</t>
  </si>
  <si>
    <t>91,12</t>
  </si>
  <si>
    <t xml:space="preserve">   24.1- Despesas Custeadas com Recursos do FUNDEB</t>
  </si>
  <si>
    <t>623096400,00</t>
  </si>
  <si>
    <t>623537520,00</t>
  </si>
  <si>
    <t>568839253,98</t>
  </si>
  <si>
    <t>568042590,02</t>
  </si>
  <si>
    <t>91,10</t>
  </si>
  <si>
    <t xml:space="preserve">   24.2- Despesas Custeadas com Outros Recursos de Impostos</t>
  </si>
  <si>
    <t>19185000,00</t>
  </si>
  <si>
    <t>97,37</t>
  </si>
  <si>
    <t>93,43</t>
  </si>
  <si>
    <t>25- ENSINO MÉDIO</t>
  </si>
  <si>
    <t>424680600,00</t>
  </si>
  <si>
    <t>421920514,00</t>
  </si>
  <si>
    <t>387505246,58</t>
  </si>
  <si>
    <t>387066549,36</t>
  </si>
  <si>
    <t>91,74</t>
  </si>
  <si>
    <t xml:space="preserve">   25.1- Despesas Custeadas com Recursos do FUNDEB</t>
  </si>
  <si>
    <t xml:space="preserve">   25.2- Despesas Custeadas com Outros Recursos de Impostos</t>
  </si>
  <si>
    <t>17283000,00</t>
  </si>
  <si>
    <t>14964034,00</t>
  </si>
  <si>
    <t>14964033,28</t>
  </si>
  <si>
    <t>26- ENSINO SUPERIOR</t>
  </si>
  <si>
    <t>6156400,00</t>
  </si>
  <si>
    <t>5847350,00</t>
  </si>
  <si>
    <t>3080223,63</t>
  </si>
  <si>
    <t>52,68</t>
  </si>
  <si>
    <t>2958366,92</t>
  </si>
  <si>
    <t>50,59</t>
  </si>
  <si>
    <t>27- ENSINO PROFISSIONAL NÃO INTEGRADO AO ENSINO REGULAR</t>
  </si>
  <si>
    <t>4089000,00</t>
  </si>
  <si>
    <t>360682,00</t>
  </si>
  <si>
    <t>60681,75</t>
  </si>
  <si>
    <t>16,82</t>
  </si>
  <si>
    <t>30913,25</t>
  </si>
  <si>
    <t>8,57</t>
  </si>
  <si>
    <t>28- OUTRAS</t>
  </si>
  <si>
    <t>573216900,00</t>
  </si>
  <si>
    <t>1299897882,09</t>
  </si>
  <si>
    <t>1204257730,57</t>
  </si>
  <si>
    <t>92,64</t>
  </si>
  <si>
    <t>1170343257,82</t>
  </si>
  <si>
    <t>90,03</t>
  </si>
  <si>
    <t>29- TOTAL DAS DESPESAS COM AÇÕES TÍPICAS DE MDE (23 + 24 + 25 + 26 + 27 + 28)</t>
  </si>
  <si>
    <t>1650924300,00</t>
  </si>
  <si>
    <t>2358002496,09</t>
  </si>
  <si>
    <t>2170012548,49</t>
  </si>
  <si>
    <t>92,03</t>
  </si>
  <si>
    <t>2134457386,55</t>
  </si>
  <si>
    <t>90,52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3- DESPESAS CUSTEADAS COM O SUPERÁVIT FINANCEIRO, DO EXERCÍCIO ANTERIOR, DO FUNDEB</t>
  </si>
  <si>
    <t>34- DESPESAS CUSTEADAS COM O SUPERÁVIT FINANCEIRO, DO EXERCÍCIO ANTERIOR, DE OUTROS RECURSOS DE IMPOSTOS</t>
  </si>
  <si>
    <t>35- RESTOS A PAGAR INSCRITOS NO EXERCÍCIO SEM DISPONIBILIDADE FINANCEIRA DE RECURSOS DE IMPOSTOS VINCULADOS AO ENSINO³</t>
  </si>
  <si>
    <t>36- CANCELAMENTO, NO EXERCÍCIO, DE RESTOS A PAGAR INSCRITOS COM DISPONIBILIDADE FINANCEIRA DE RECURSOS DE IMPOSTOS VINCULADOS AO ENSINO = (51 g)</t>
  </si>
  <si>
    <t>2800637,47</t>
  </si>
  <si>
    <t>37- TOTAL DAS DEDUÇÕES CONSIDERADAS PARA FINS DO LIMITE CONSTITUCIONAL (30 + 31 + 33 + 34 + 35 + 36)</t>
  </si>
  <si>
    <t>-487013668,82</t>
  </si>
  <si>
    <t>38- TOTAL DAS DESPESAS PARA FINS DE LIMITE (29 – 37)</t>
  </si>
  <si>
    <t>2621471055,37</t>
  </si>
  <si>
    <t>39- PERCENTUAL DE APLICAÇÃO EM MDE SOBRE A RECEITA LÍQUIDA DE IMPOSTOS (38 / 4 x 100) % - LIMITE CONSTITUCIONAL 25%***4 e 5</t>
  </si>
  <si>
    <t>35,06</t>
  </si>
  <si>
    <t xml:space="preserve">OUTRAS DESPESAS CUSTEADAS COM RECEITAS ADICIONAIS PARA FINANCIAMENTO DO ENSINO </t>
  </si>
  <si>
    <t xml:space="preserve">Até o Bimestre (g) </t>
  </si>
  <si>
    <t>40- DESPESAS CUSTEADAS COM A APLICAÇÃO FINANCEIRA DE OUTROS RECURSOS DE IMPOSTOS VINCULADOS AO ENSINO</t>
  </si>
  <si>
    <t>41- DESPESAS CUSTEADAS COM A CONTRIBUIÇÃO SOCIAL DO SALÁRIO-EDUCAÇÃO</t>
  </si>
  <si>
    <t>56768300,00</t>
  </si>
  <si>
    <t>49583620,02</t>
  </si>
  <si>
    <t>87,34</t>
  </si>
  <si>
    <t>46235196,23</t>
  </si>
  <si>
    <t>81,45</t>
  </si>
  <si>
    <t>42- DESPESAS CUSTEADAS COM OPERAÇÕES DE CRÉDITO</t>
  </si>
  <si>
    <t>43- DESPESAS CUSTEADAS COM OUTRAS RECEITAS PARA FINANCIAMENTO DO ENSINO</t>
  </si>
  <si>
    <t>79427600,00</t>
  </si>
  <si>
    <t>84927600,00</t>
  </si>
  <si>
    <t>49700357,90</t>
  </si>
  <si>
    <t>58,52</t>
  </si>
  <si>
    <t>43789135,45</t>
  </si>
  <si>
    <t>51,56</t>
  </si>
  <si>
    <t>44- TOTAL DAS OUTRAS DESPESAS CUSTEADAS COM RECEITAS ADICIONAIS PARA FINANCIAMENTO DO ENSINO (40 + 41 + 42 + 43)</t>
  </si>
  <si>
    <t>136195900,00</t>
  </si>
  <si>
    <t>141695900,00</t>
  </si>
  <si>
    <t>99283977,92</t>
  </si>
  <si>
    <t>70,07</t>
  </si>
  <si>
    <t>90024331,68</t>
  </si>
  <si>
    <t>63,53</t>
  </si>
  <si>
    <t>45- TOTAL GERAL DAS DESPESAS COM EDUCAÇÃO</t>
  </si>
  <si>
    <t>1787120200,00</t>
  </si>
  <si>
    <t>2499698396,09</t>
  </si>
  <si>
    <t>2269296526,41</t>
  </si>
  <si>
    <t>90,78</t>
  </si>
  <si>
    <t>2224481718,23</t>
  </si>
  <si>
    <t>88,99</t>
  </si>
  <si>
    <t>RESTOS A PAGAR INSCRITOS COM DISPONIBILIDADE FINANCEIRA_x000D_
DE RECURSOS DE IMPOSTOS VINCULADOS AO ENSINO</t>
  </si>
  <si>
    <t>Saldo Até o Bimestre</t>
  </si>
  <si>
    <t>Cancelado em 2018 (j)</t>
  </si>
  <si>
    <t>46- RESTOS A PAGAR DE DESPESAS COM MDE</t>
  </si>
  <si>
    <t>20158653,10</t>
  </si>
  <si>
    <t>46.1 - Executadas com Recursos de Impostos Vinculados ao Ensino</t>
  </si>
  <si>
    <t>20154667,54</t>
  </si>
  <si>
    <t>2620003,96</t>
  </si>
  <si>
    <t xml:space="preserve">46.2 - Executadas com Recursos do FUNDEB </t>
  </si>
  <si>
    <t>3985,56</t>
  </si>
  <si>
    <t>180633,51</t>
  </si>
  <si>
    <t>CONTROLE DA DISPONIBILIDADE FINANCEIRA</t>
  </si>
  <si>
    <t>FUNDEB</t>
  </si>
  <si>
    <t>SALÁRIO EDUCAÇÃO</t>
  </si>
  <si>
    <t xml:space="preserve">   47- SALDO FINANCEIRO EM 31 DE DEZEMBRO DE 2017</t>
  </si>
  <si>
    <t>62359485,89</t>
  </si>
  <si>
    <t>-434745,83</t>
  </si>
  <si>
    <t xml:space="preserve">   48- (+) INGRESSO DE RECURSOS ATÉ O BIMESTRE</t>
  </si>
  <si>
    <t xml:space="preserve">   49- (-) PAGAMENTOS EFETUADOS ATÉ O BIMESTRE</t>
  </si>
  <si>
    <t>907527891,71</t>
  </si>
  <si>
    <t>48970279,49</t>
  </si>
  <si>
    <t xml:space="preserve">      49.1 Orçamento do Exercício</t>
  </si>
  <si>
    <t>872590971,77</t>
  </si>
  <si>
    <t>46253970,21</t>
  </si>
  <si>
    <t xml:space="preserve">      49.2 Restos a Pagar</t>
  </si>
  <si>
    <t>34936919,94</t>
  </si>
  <si>
    <t>2716309,28</t>
  </si>
  <si>
    <t xml:space="preserve">   50- (+) RECEITA DE APLICAÇÃO FINANCEIRA DOS RECURSOS ATÉ O BIMESTRE</t>
  </si>
  <si>
    <t>51- (=) DISPONIBILIDADE FINANCEIRA ATÉ O BIMESTRE</t>
  </si>
  <si>
    <t>26212264,90</t>
  </si>
  <si>
    <t>-1491555,03</t>
  </si>
  <si>
    <t>52-  (+) Ajustes</t>
  </si>
  <si>
    <t xml:space="preserve">   52.1 Retenções</t>
  </si>
  <si>
    <t xml:space="preserve">   52.2 Conciliação Bancária</t>
  </si>
  <si>
    <t>53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>8122737600,00</t>
  </si>
  <si>
    <t>7000161956,15</t>
  </si>
  <si>
    <t>86,18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>70710900,00</t>
  </si>
  <si>
    <t>75710900,00</t>
  </si>
  <si>
    <t>32037524,85</t>
  </si>
  <si>
    <t>42,32</t>
  </si>
  <si>
    <t xml:space="preserve">   Divida Ativa dos Impostos</t>
  </si>
  <si>
    <t>14405200,00</t>
  </si>
  <si>
    <t>29313543,68</t>
  </si>
  <si>
    <t>203,49</t>
  </si>
  <si>
    <t xml:space="preserve">   Multas, Juros de Mora e Outros Encargos da Dívida Ativa  </t>
  </si>
  <si>
    <t xml:space="preserve">RECEITA DE TRANSFERÊNCIAS CONSTITUCIONAIS E LEGAIS (II) </t>
  </si>
  <si>
    <t>72,89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>87,09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>334256700,00</t>
  </si>
  <si>
    <t>174376945,61</t>
  </si>
  <si>
    <t>52,17</t>
  </si>
  <si>
    <t xml:space="preserve">   Provenientes da União</t>
  </si>
  <si>
    <t>257587000,00</t>
  </si>
  <si>
    <t>124529683,57</t>
  </si>
  <si>
    <t>48,34</t>
  </si>
  <si>
    <t xml:space="preserve">   Provenientes de Outros Estados</t>
  </si>
  <si>
    <t xml:space="preserve">   Provenientes de Municípios</t>
  </si>
  <si>
    <t xml:space="preserve">   Outras Receitas do SUS</t>
  </si>
  <si>
    <t>76669700,00</t>
  </si>
  <si>
    <t>49847262,04</t>
  </si>
  <si>
    <t>65,02</t>
  </si>
  <si>
    <t>TRANSFERÊNCIAS VOLUNTÁRIAS</t>
  </si>
  <si>
    <t>150000,00</t>
  </si>
  <si>
    <t>170090,00</t>
  </si>
  <si>
    <t>113,39</t>
  </si>
  <si>
    <t>RECEITAS DE OPERAÇÕES DE CRÉDITO VINCULADAS À SAÚDE</t>
  </si>
  <si>
    <t>OUTRAS RECEITAS PARA FINANCIAMENTO DA SAÚDE</t>
  </si>
  <si>
    <t>81000,00</t>
  </si>
  <si>
    <t>22046,33</t>
  </si>
  <si>
    <t>27,22</t>
  </si>
  <si>
    <t>TOTAL RECEITAS ADICIONAIS PARA FINANCIAMENTO DA SAÚDE</t>
  </si>
  <si>
    <t>334487700,00</t>
  </si>
  <si>
    <t>174569081,94</t>
  </si>
  <si>
    <t>52,19</t>
  </si>
  <si>
    <t xml:space="preserve">DESPESAS COM SAÚDE (POR GRUPO DE NATUREZA DA DESPESA) </t>
  </si>
  <si>
    <t xml:space="preserve"> %  (f / e) x 100  </t>
  </si>
  <si>
    <t>%  (g / e) x 100</t>
  </si>
  <si>
    <t>1252388500,00</t>
  </si>
  <si>
    <t>1520931815,06</t>
  </si>
  <si>
    <t>1278635030,51</t>
  </si>
  <si>
    <t>84,07</t>
  </si>
  <si>
    <t>1150918407,40</t>
  </si>
  <si>
    <t>75,67</t>
  </si>
  <si>
    <t xml:space="preserve">   Pessoal e Encargos Sociais</t>
  </si>
  <si>
    <t>379518800,00</t>
  </si>
  <si>
    <t>359020174,35</t>
  </si>
  <si>
    <t>296876801,84</t>
  </si>
  <si>
    <t>82,69</t>
  </si>
  <si>
    <t>290229373,99</t>
  </si>
  <si>
    <t>80,84</t>
  </si>
  <si>
    <t xml:space="preserve">   Juros e Encargos da Dívida</t>
  </si>
  <si>
    <t>1301100,00</t>
  </si>
  <si>
    <t>277209,00</t>
  </si>
  <si>
    <t>246260,80</t>
  </si>
  <si>
    <t>88,84</t>
  </si>
  <si>
    <t xml:space="preserve">   Outras Despesas Correntes</t>
  </si>
  <si>
    <t>871568600,00</t>
  </si>
  <si>
    <t>1161634431,71</t>
  </si>
  <si>
    <t>981511967,87</t>
  </si>
  <si>
    <t>84,49</t>
  </si>
  <si>
    <t>860442772,61</t>
  </si>
  <si>
    <t>74,07</t>
  </si>
  <si>
    <t>148749400,00</t>
  </si>
  <si>
    <t>120510177,28</t>
  </si>
  <si>
    <t>50179410,85</t>
  </si>
  <si>
    <t>41,64</t>
  </si>
  <si>
    <t>24522815,69</t>
  </si>
  <si>
    <t>20,35</t>
  </si>
  <si>
    <t xml:space="preserve">   Investimentos</t>
  </si>
  <si>
    <t>145708500,00</t>
  </si>
  <si>
    <t>120037691,28</t>
  </si>
  <si>
    <t>49740189,63</t>
  </si>
  <si>
    <t>41,44</t>
  </si>
  <si>
    <t>24083594,47</t>
  </si>
  <si>
    <t>20,06</t>
  </si>
  <si>
    <t xml:space="preserve">   Inversões Financeiras</t>
  </si>
  <si>
    <t>500,00</t>
  </si>
  <si>
    <t xml:space="preserve">   Amortização da Dívida</t>
  </si>
  <si>
    <t>3040400,00</t>
  </si>
  <si>
    <t>471986,00</t>
  </si>
  <si>
    <t>439221,22</t>
  </si>
  <si>
    <t>93,06</t>
  </si>
  <si>
    <t>TOTAL DAS DESPESAS COM SAÚDE (V)</t>
  </si>
  <si>
    <t>1401137900,00</t>
  </si>
  <si>
    <t>1641441992,34</t>
  </si>
  <si>
    <t>1328814441,36</t>
  </si>
  <si>
    <t>80,95</t>
  </si>
  <si>
    <t>1175441223,09</t>
  </si>
  <si>
    <t>71,61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0,75</t>
  </si>
  <si>
    <t>0,40</t>
  </si>
  <si>
    <t>DESPESA COM ASSISTÊNCIA À SAÚDE QUE NÃO ATENDE AO PRINCÍPIO DE ACESSO UNIVERSAL</t>
  </si>
  <si>
    <t>DESPESAS CUSTEADAS COM OUTROS RECURSOS</t>
  </si>
  <si>
    <t>364687700,00</t>
  </si>
  <si>
    <t>199352888,07</t>
  </si>
  <si>
    <t>15,00</t>
  </si>
  <si>
    <t>155994902,65</t>
  </si>
  <si>
    <t>13,27</t>
  </si>
  <si>
    <t xml:space="preserve">   Recursos de Transferência do Sistema Único de Saúde - SUS</t>
  </si>
  <si>
    <t>262700000,00</t>
  </si>
  <si>
    <t>282900000,00</t>
  </si>
  <si>
    <t>141575115,71</t>
  </si>
  <si>
    <t>10,65</t>
  </si>
  <si>
    <t>116314072,64</t>
  </si>
  <si>
    <t>9,90</t>
  </si>
  <si>
    <t xml:space="preserve">   Recursos de Operações de Crédito</t>
  </si>
  <si>
    <t>4694834,41</t>
  </si>
  <si>
    <t xml:space="preserve">   Outros Recursos</t>
  </si>
  <si>
    <t>71787700,00</t>
  </si>
  <si>
    <t>47777772,36</t>
  </si>
  <si>
    <t>3,60</t>
  </si>
  <si>
    <t>34985995,60</t>
  </si>
  <si>
    <t>2,98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1066650200,00</t>
  </si>
  <si>
    <t>1276754292,34</t>
  </si>
  <si>
    <t>1129461553,29</t>
  </si>
  <si>
    <t>85,00</t>
  </si>
  <si>
    <t>1019446320,44</t>
  </si>
  <si>
    <t>86,73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13,63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122101246,57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8</t>
  </si>
  <si>
    <t>Inscritos em 2017</t>
  </si>
  <si>
    <t>223484032,64</t>
  </si>
  <si>
    <t>22305976,49</t>
  </si>
  <si>
    <t>143900627,86</t>
  </si>
  <si>
    <t>57277428,29</t>
  </si>
  <si>
    <t>Inscritos em 2016</t>
  </si>
  <si>
    <t>5691153,47</t>
  </si>
  <si>
    <t>90082,64</t>
  </si>
  <si>
    <t>2713110,45</t>
  </si>
  <si>
    <t>2887960,38</t>
  </si>
  <si>
    <t>Inscritos em 2015</t>
  </si>
  <si>
    <t>6761047,59</t>
  </si>
  <si>
    <t>1240,00</t>
  </si>
  <si>
    <t>6259807,59</t>
  </si>
  <si>
    <t>Inscritos em 2014</t>
  </si>
  <si>
    <t>1865122,30</t>
  </si>
  <si>
    <t>153405,96</t>
  </si>
  <si>
    <t>1711716,34</t>
  </si>
  <si>
    <t>Inscritos em Exercícios Anteriores a Referência 2014</t>
  </si>
  <si>
    <t>699123,57</t>
  </si>
  <si>
    <t>4992029,90</t>
  </si>
  <si>
    <t>TOTAL</t>
  </si>
  <si>
    <t>243492509,47</t>
  </si>
  <si>
    <t>23595182,70</t>
  </si>
  <si>
    <t>146768384,27</t>
  </si>
  <si>
    <t>73128942,50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 xml:space="preserve">Restos a Pagar Cancelados ou Prescritos em 2014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2013</t>
  </si>
  <si>
    <t>Diferença de limite não cumprido em Exercícios Anteriores a Referência 2013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91194200,00</t>
  </si>
  <si>
    <t>5,84</t>
  </si>
  <si>
    <t>5,65</t>
  </si>
  <si>
    <t>Assistência Hospitalar e Ambulatorial</t>
  </si>
  <si>
    <t>30,49</t>
  </si>
  <si>
    <t>27,43</t>
  </si>
  <si>
    <t>Suporte Profilático e Terapêutico</t>
  </si>
  <si>
    <t>4,59</t>
  </si>
  <si>
    <t>4,03</t>
  </si>
  <si>
    <t>Vigilância Sanitária</t>
  </si>
  <si>
    <t>Vigilância Epidemiológica</t>
  </si>
  <si>
    <t>1,22</t>
  </si>
  <si>
    <t>0,81</t>
  </si>
  <si>
    <t>Alimentação e Nutrição</t>
  </si>
  <si>
    <t>Outras Subfunções</t>
  </si>
  <si>
    <t>586662200,00</t>
  </si>
  <si>
    <t>860414664,39</t>
  </si>
  <si>
    <t>768798001,92</t>
  </si>
  <si>
    <t>57,86</t>
  </si>
  <si>
    <t>729687824,28</t>
  </si>
  <si>
    <t>62,08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8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19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9747254504,20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Déficit Orçamentário</t>
  </si>
  <si>
    <t>Saldos de Exercícios Anteriores (Utilizados para Créditos Adicionais)</t>
  </si>
  <si>
    <t>Créditos Adicionais</t>
  </si>
  <si>
    <t>3135088583,00</t>
  </si>
  <si>
    <t>17632402583,00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</t>
  </si>
  <si>
    <t xml:space="preserve">   Receitas Previdenciárias Realizadas</t>
  </si>
  <si>
    <t xml:space="preserve">   Despesas Previdenciárias</t>
  </si>
  <si>
    <t>Resultado Previdenciário</t>
  </si>
  <si>
    <t>Regime Próprio de Previdência dos Servidores - PLANO FINANCEIRO</t>
  </si>
  <si>
    <t>Receitas Previdenciárias Realizadas</t>
  </si>
  <si>
    <t>Despesas Previdenciárias Liquidadas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Nominal</t>
  </si>
  <si>
    <t>-9,29</t>
  </si>
  <si>
    <t>Resultado Primário</t>
  </si>
  <si>
    <t>28,59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>RESTOS A PAGAR PROCESSADOS</t>
  </si>
  <si>
    <t>794702945,36</t>
  </si>
  <si>
    <t xml:space="preserve">   Poder Executivo</t>
  </si>
  <si>
    <t>734340832,91</t>
  </si>
  <si>
    <t>4288138,71</t>
  </si>
  <si>
    <t>642226652,73</t>
  </si>
  <si>
    <t>87826041,47</t>
  </si>
  <si>
    <t xml:space="preserve">   Poder Legislativo</t>
  </si>
  <si>
    <t>14193921,16</t>
  </si>
  <si>
    <t xml:space="preserve">   Poder Judiciário</t>
  </si>
  <si>
    <t>43834713,37</t>
  </si>
  <si>
    <t>43819071,20</t>
  </si>
  <si>
    <t xml:space="preserve">   Ministério Público</t>
  </si>
  <si>
    <t xml:space="preserve">   Defensoria Pública</t>
  </si>
  <si>
    <t>1525036,94</t>
  </si>
  <si>
    <t>1525036,17</t>
  </si>
  <si>
    <t>RESTOS A PAGAR NÃO-PROCESSADOS</t>
  </si>
  <si>
    <t>1026220122,77</t>
  </si>
  <si>
    <t>968008622,02</t>
  </si>
  <si>
    <t>422003703,44</t>
  </si>
  <si>
    <t>124717361,66</t>
  </si>
  <si>
    <t xml:space="preserve">   Defensoria Pública </t>
  </si>
  <si>
    <t>1820923068,13</t>
  </si>
  <si>
    <t>435710632,12</t>
  </si>
  <si>
    <t>1171327110,38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'25%' das Receitas de Impostos em MDE</t>
  </si>
  <si>
    <t>25,00</t>
  </si>
  <si>
    <t>Mínimo Anual de 60% do FUNDEB na Remuneração do Magistério com Ensino Fundamental e Médio</t>
  </si>
  <si>
    <t>60,00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</t>
  </si>
  <si>
    <t>Receitas Previdenciárias</t>
  </si>
  <si>
    <t>Despesas Previdenciárias</t>
  </si>
  <si>
    <t>Plano Financeir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12,00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/>
    </xf>
    <xf numFmtId="0" fontId="0" fillId="0" borderId="0" xfId="0"/>
    <xf numFmtId="0" fontId="9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9"/>
  <sheetViews>
    <sheetView showGridLines="0" topLeftCell="A79" workbookViewId="0">
      <selection activeCell="D14" sqref="D14"/>
    </sheetView>
  </sheetViews>
  <sheetFormatPr defaultRowHeight="15" x14ac:dyDescent="0.25"/>
  <cols>
    <col min="1" max="1" width="4.42578125" bestFit="1" customWidth="1"/>
    <col min="2" max="2" width="84.7109375" bestFit="1" customWidth="1"/>
    <col min="3" max="3" width="18.7109375" bestFit="1" customWidth="1"/>
    <col min="4" max="4" width="23.42578125" bestFit="1" customWidth="1"/>
    <col min="5" max="5" width="15.42578125" bestFit="1" customWidth="1"/>
    <col min="6" max="7" width="16.5703125" bestFit="1" customWidth="1"/>
    <col min="8" max="8" width="15.42578125" bestFit="1" customWidth="1"/>
    <col min="9" max="9" width="16.5703125" bestFit="1" customWidth="1"/>
    <col min="10" max="10" width="16.42578125" bestFit="1" customWidth="1"/>
    <col min="11" max="11" width="34.140625" bestFit="1" customWidth="1"/>
  </cols>
  <sheetData>
    <row r="3" spans="1:11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</row>
    <row r="4" spans="1:11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</row>
    <row r="5" spans="1:11" x14ac:dyDescent="0.25">
      <c r="A5" s="12" t="s">
        <v>2</v>
      </c>
      <c r="B5" s="10"/>
      <c r="C5" s="10"/>
      <c r="D5" s="10"/>
      <c r="E5" s="10"/>
      <c r="F5" s="10"/>
      <c r="G5" s="10"/>
      <c r="H5" s="10"/>
      <c r="I5" s="10"/>
      <c r="J5" s="10"/>
      <c r="K5" s="10"/>
    </row>
    <row r="6" spans="1:11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</row>
    <row r="7" spans="1:11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</row>
    <row r="9" spans="1:11" x14ac:dyDescent="0.25">
      <c r="A9" s="9" t="s">
        <v>5</v>
      </c>
      <c r="B9" s="10"/>
      <c r="C9" s="10"/>
      <c r="D9" s="10"/>
      <c r="E9" s="10"/>
      <c r="F9" s="10"/>
      <c r="G9" s="10"/>
      <c r="H9" s="10"/>
      <c r="I9" s="10"/>
      <c r="J9" s="10"/>
      <c r="K9" s="10"/>
    </row>
    <row r="10" spans="1:11" x14ac:dyDescent="0.25">
      <c r="A10" s="8" t="s">
        <v>6</v>
      </c>
      <c r="B10" s="8" t="s">
        <v>8</v>
      </c>
      <c r="C10" s="8" t="s">
        <v>9</v>
      </c>
      <c r="D10" s="8" t="s">
        <v>10</v>
      </c>
      <c r="E10" s="8" t="s">
        <v>11</v>
      </c>
      <c r="F10" s="8" t="s">
        <v>7</v>
      </c>
      <c r="G10" s="8" t="s">
        <v>7</v>
      </c>
      <c r="H10" s="8" t="s">
        <v>7</v>
      </c>
      <c r="I10" s="8" t="s">
        <v>16</v>
      </c>
    </row>
    <row r="11" spans="1:11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8" t="s">
        <v>7</v>
      </c>
    </row>
    <row r="12" spans="1:11" x14ac:dyDescent="0.25">
      <c r="A12" s="5" t="s">
        <v>17</v>
      </c>
      <c r="B12" s="7" t="s">
        <v>18</v>
      </c>
      <c r="C12" s="3" t="s">
        <v>19</v>
      </c>
      <c r="D12" s="3" t="s">
        <v>20</v>
      </c>
      <c r="E12" s="3" t="s">
        <v>21</v>
      </c>
      <c r="F12" s="3" t="s">
        <v>22</v>
      </c>
      <c r="G12" s="3" t="s">
        <v>23</v>
      </c>
      <c r="H12" s="3" t="s">
        <v>24</v>
      </c>
      <c r="I12" s="3" t="s">
        <v>25</v>
      </c>
    </row>
    <row r="13" spans="1:11" x14ac:dyDescent="0.25">
      <c r="A13" s="5" t="s">
        <v>26</v>
      </c>
      <c r="B13" s="7" t="s">
        <v>27</v>
      </c>
      <c r="C13" s="3" t="s">
        <v>28</v>
      </c>
      <c r="D13" s="3" t="s">
        <v>29</v>
      </c>
      <c r="E13" s="3" t="s">
        <v>30</v>
      </c>
      <c r="F13" s="3" t="s">
        <v>31</v>
      </c>
      <c r="G13" s="3" t="s">
        <v>32</v>
      </c>
      <c r="H13" s="3" t="s">
        <v>33</v>
      </c>
      <c r="I13" s="3" t="s">
        <v>34</v>
      </c>
    </row>
    <row r="14" spans="1:11" x14ac:dyDescent="0.25">
      <c r="A14" s="5" t="s">
        <v>35</v>
      </c>
      <c r="B14" s="7" t="s">
        <v>36</v>
      </c>
      <c r="C14" s="3" t="s">
        <v>37</v>
      </c>
      <c r="D14" s="3" t="s">
        <v>38</v>
      </c>
      <c r="E14" s="3" t="s">
        <v>39</v>
      </c>
      <c r="F14" s="3" t="s">
        <v>40</v>
      </c>
      <c r="G14" s="3" t="s">
        <v>41</v>
      </c>
      <c r="H14" s="3" t="s">
        <v>42</v>
      </c>
      <c r="I14" s="3" t="s">
        <v>43</v>
      </c>
    </row>
    <row r="15" spans="1:11" x14ac:dyDescent="0.25">
      <c r="A15" s="4" t="s">
        <v>44</v>
      </c>
      <c r="B15" s="6" t="s">
        <v>45</v>
      </c>
      <c r="C15" s="2" t="s">
        <v>46</v>
      </c>
      <c r="D15" s="2" t="s">
        <v>47</v>
      </c>
      <c r="E15" s="2" t="s">
        <v>48</v>
      </c>
      <c r="F15" s="2" t="s">
        <v>49</v>
      </c>
      <c r="G15" s="2" t="s">
        <v>50</v>
      </c>
      <c r="H15" s="2" t="s">
        <v>51</v>
      </c>
      <c r="I15" s="2" t="s">
        <v>52</v>
      </c>
    </row>
    <row r="16" spans="1:11" x14ac:dyDescent="0.25">
      <c r="A16" s="4" t="s">
        <v>53</v>
      </c>
      <c r="B16" s="6" t="s">
        <v>54</v>
      </c>
      <c r="C16" s="2" t="s">
        <v>55</v>
      </c>
      <c r="D16" s="2" t="s">
        <v>56</v>
      </c>
      <c r="E16" s="2" t="s">
        <v>57</v>
      </c>
      <c r="F16" s="2" t="s">
        <v>58</v>
      </c>
      <c r="G16" s="2" t="s">
        <v>59</v>
      </c>
      <c r="H16" s="2" t="s">
        <v>60</v>
      </c>
      <c r="I16" s="2" t="s">
        <v>61</v>
      </c>
    </row>
    <row r="17" spans="1:9" x14ac:dyDescent="0.25">
      <c r="A17" s="4" t="s">
        <v>62</v>
      </c>
      <c r="B17" s="6" t="s">
        <v>63</v>
      </c>
      <c r="C17" s="2" t="s">
        <v>64</v>
      </c>
      <c r="D17" s="2" t="s">
        <v>64</v>
      </c>
      <c r="E17" s="2" t="s">
        <v>64</v>
      </c>
      <c r="F17" s="2" t="s">
        <v>64</v>
      </c>
      <c r="G17" s="2" t="s">
        <v>64</v>
      </c>
      <c r="H17" s="2" t="s">
        <v>64</v>
      </c>
      <c r="I17" s="2" t="s">
        <v>64</v>
      </c>
    </row>
    <row r="18" spans="1:9" x14ac:dyDescent="0.25">
      <c r="A18" s="5" t="s">
        <v>65</v>
      </c>
      <c r="B18" s="7" t="s">
        <v>66</v>
      </c>
      <c r="C18" s="3" t="s">
        <v>67</v>
      </c>
      <c r="D18" s="3" t="s">
        <v>68</v>
      </c>
      <c r="E18" s="3" t="s">
        <v>69</v>
      </c>
      <c r="F18" s="3" t="s">
        <v>70</v>
      </c>
      <c r="G18" s="3" t="s">
        <v>71</v>
      </c>
      <c r="H18" s="3" t="s">
        <v>72</v>
      </c>
      <c r="I18" s="3" t="s">
        <v>73</v>
      </c>
    </row>
    <row r="19" spans="1:9" x14ac:dyDescent="0.25">
      <c r="A19" s="4" t="s">
        <v>74</v>
      </c>
      <c r="B19" s="6" t="s">
        <v>75</v>
      </c>
      <c r="C19" s="2" t="s">
        <v>67</v>
      </c>
      <c r="D19" s="2" t="s">
        <v>68</v>
      </c>
      <c r="E19" s="2" t="s">
        <v>69</v>
      </c>
      <c r="F19" s="2" t="s">
        <v>70</v>
      </c>
      <c r="G19" s="2" t="s">
        <v>71</v>
      </c>
      <c r="H19" s="2" t="s">
        <v>72</v>
      </c>
      <c r="I19" s="2" t="s">
        <v>73</v>
      </c>
    </row>
    <row r="20" spans="1:9" x14ac:dyDescent="0.25">
      <c r="A20" s="4" t="s">
        <v>76</v>
      </c>
      <c r="B20" s="6" t="s">
        <v>77</v>
      </c>
      <c r="C20" s="2" t="s">
        <v>64</v>
      </c>
      <c r="D20" s="2" t="s">
        <v>64</v>
      </c>
      <c r="E20" s="2" t="s">
        <v>64</v>
      </c>
      <c r="F20" s="2" t="s">
        <v>64</v>
      </c>
      <c r="G20" s="2" t="s">
        <v>64</v>
      </c>
      <c r="H20" s="2" t="s">
        <v>64</v>
      </c>
      <c r="I20" s="2" t="s">
        <v>64</v>
      </c>
    </row>
    <row r="21" spans="1:9" x14ac:dyDescent="0.25">
      <c r="A21" s="4" t="s">
        <v>78</v>
      </c>
      <c r="B21" s="6" t="s">
        <v>79</v>
      </c>
      <c r="C21" s="2" t="s">
        <v>64</v>
      </c>
      <c r="D21" s="2" t="s">
        <v>64</v>
      </c>
      <c r="E21" s="2" t="s">
        <v>64</v>
      </c>
      <c r="F21" s="2" t="s">
        <v>64</v>
      </c>
      <c r="G21" s="2" t="s">
        <v>64</v>
      </c>
      <c r="H21" s="2" t="s">
        <v>64</v>
      </c>
      <c r="I21" s="2" t="s">
        <v>64</v>
      </c>
    </row>
    <row r="22" spans="1:9" x14ac:dyDescent="0.25">
      <c r="A22" s="4" t="s">
        <v>80</v>
      </c>
      <c r="B22" s="6" t="s">
        <v>81</v>
      </c>
      <c r="C22" s="2" t="s">
        <v>64</v>
      </c>
      <c r="D22" s="2" t="s">
        <v>64</v>
      </c>
      <c r="E22" s="2" t="s">
        <v>64</v>
      </c>
      <c r="F22" s="2" t="s">
        <v>64</v>
      </c>
      <c r="G22" s="2" t="s">
        <v>64</v>
      </c>
      <c r="H22" s="2" t="s">
        <v>64</v>
      </c>
      <c r="I22" s="2" t="s">
        <v>64</v>
      </c>
    </row>
    <row r="23" spans="1:9" x14ac:dyDescent="0.25">
      <c r="A23" s="5" t="s">
        <v>82</v>
      </c>
      <c r="B23" s="7" t="s">
        <v>83</v>
      </c>
      <c r="C23" s="3" t="s">
        <v>84</v>
      </c>
      <c r="D23" s="3" t="s">
        <v>85</v>
      </c>
      <c r="E23" s="3" t="s">
        <v>86</v>
      </c>
      <c r="F23" s="3" t="s">
        <v>87</v>
      </c>
      <c r="G23" s="3" t="s">
        <v>88</v>
      </c>
      <c r="H23" s="3" t="s">
        <v>89</v>
      </c>
      <c r="I23" s="3" t="s">
        <v>90</v>
      </c>
    </row>
    <row r="24" spans="1:9" x14ac:dyDescent="0.25">
      <c r="A24" s="4" t="s">
        <v>91</v>
      </c>
      <c r="B24" s="6" t="s">
        <v>92</v>
      </c>
      <c r="C24" s="2" t="s">
        <v>93</v>
      </c>
      <c r="D24" s="2" t="s">
        <v>94</v>
      </c>
      <c r="E24" s="2" t="s">
        <v>95</v>
      </c>
      <c r="F24" s="2" t="s">
        <v>96</v>
      </c>
      <c r="G24" s="2" t="s">
        <v>97</v>
      </c>
      <c r="H24" s="2" t="s">
        <v>98</v>
      </c>
      <c r="I24" s="2" t="s">
        <v>99</v>
      </c>
    </row>
    <row r="25" spans="1:9" x14ac:dyDescent="0.25">
      <c r="A25" s="4" t="s">
        <v>100</v>
      </c>
      <c r="B25" s="6" t="s">
        <v>101</v>
      </c>
      <c r="C25" s="2" t="s">
        <v>102</v>
      </c>
      <c r="D25" s="2" t="s">
        <v>103</v>
      </c>
      <c r="E25" s="2" t="s">
        <v>104</v>
      </c>
      <c r="F25" s="2" t="s">
        <v>105</v>
      </c>
      <c r="G25" s="2" t="s">
        <v>106</v>
      </c>
      <c r="H25" s="2" t="s">
        <v>107</v>
      </c>
      <c r="I25" s="2" t="s">
        <v>108</v>
      </c>
    </row>
    <row r="26" spans="1:9" x14ac:dyDescent="0.25">
      <c r="A26" s="4" t="s">
        <v>109</v>
      </c>
      <c r="B26" s="6" t="s">
        <v>110</v>
      </c>
      <c r="C26" s="2" t="s">
        <v>64</v>
      </c>
      <c r="D26" s="2" t="s">
        <v>64</v>
      </c>
      <c r="E26" s="2" t="s">
        <v>64</v>
      </c>
      <c r="F26" s="2" t="s">
        <v>64</v>
      </c>
      <c r="G26" s="2" t="s">
        <v>64</v>
      </c>
      <c r="H26" s="2" t="s">
        <v>64</v>
      </c>
      <c r="I26" s="2" t="s">
        <v>64</v>
      </c>
    </row>
    <row r="27" spans="1:9" x14ac:dyDescent="0.25">
      <c r="A27" s="4" t="s">
        <v>111</v>
      </c>
      <c r="B27" s="6" t="s">
        <v>112</v>
      </c>
      <c r="C27" s="2" t="s">
        <v>113</v>
      </c>
      <c r="D27" s="2" t="s">
        <v>113</v>
      </c>
      <c r="E27" s="2" t="s">
        <v>114</v>
      </c>
      <c r="F27" s="2" t="s">
        <v>115</v>
      </c>
      <c r="G27" s="2" t="s">
        <v>116</v>
      </c>
      <c r="H27" s="2" t="s">
        <v>117</v>
      </c>
      <c r="I27" s="2" t="s">
        <v>118</v>
      </c>
    </row>
    <row r="28" spans="1:9" x14ac:dyDescent="0.25">
      <c r="A28" s="4" t="s">
        <v>119</v>
      </c>
      <c r="B28" s="6" t="s">
        <v>120</v>
      </c>
      <c r="C28" s="2" t="s">
        <v>64</v>
      </c>
      <c r="D28" s="2" t="s">
        <v>64</v>
      </c>
      <c r="E28" s="2" t="s">
        <v>64</v>
      </c>
      <c r="F28" s="2" t="s">
        <v>64</v>
      </c>
      <c r="G28" s="2" t="s">
        <v>64</v>
      </c>
      <c r="H28" s="2" t="s">
        <v>64</v>
      </c>
      <c r="I28" s="2" t="s">
        <v>64</v>
      </c>
    </row>
    <row r="29" spans="1:9" x14ac:dyDescent="0.25">
      <c r="A29" s="4" t="s">
        <v>121</v>
      </c>
      <c r="B29" s="6" t="s">
        <v>122</v>
      </c>
      <c r="C29" s="2" t="s">
        <v>123</v>
      </c>
      <c r="D29" s="2" t="s">
        <v>123</v>
      </c>
      <c r="E29" s="2" t="s">
        <v>124</v>
      </c>
      <c r="F29" s="2" t="s">
        <v>40</v>
      </c>
      <c r="G29" s="2" t="s">
        <v>125</v>
      </c>
      <c r="H29" s="2" t="s">
        <v>126</v>
      </c>
      <c r="I29" s="2" t="s">
        <v>127</v>
      </c>
    </row>
    <row r="30" spans="1:9" x14ac:dyDescent="0.25">
      <c r="A30" s="4" t="s">
        <v>128</v>
      </c>
      <c r="B30" s="6" t="s">
        <v>129</v>
      </c>
      <c r="C30" s="2" t="s">
        <v>64</v>
      </c>
      <c r="D30" s="2" t="s">
        <v>64</v>
      </c>
      <c r="E30" s="2" t="s">
        <v>64</v>
      </c>
      <c r="F30" s="2" t="s">
        <v>64</v>
      </c>
      <c r="G30" s="2" t="s">
        <v>64</v>
      </c>
      <c r="H30" s="2" t="s">
        <v>64</v>
      </c>
      <c r="I30" s="2" t="s">
        <v>64</v>
      </c>
    </row>
    <row r="31" spans="1:9" x14ac:dyDescent="0.25">
      <c r="A31" s="4" t="s">
        <v>130</v>
      </c>
      <c r="B31" s="6" t="s">
        <v>131</v>
      </c>
      <c r="C31" s="2" t="s">
        <v>64</v>
      </c>
      <c r="D31" s="2" t="s">
        <v>64</v>
      </c>
      <c r="E31" s="2" t="s">
        <v>64</v>
      </c>
      <c r="F31" s="2" t="s">
        <v>64</v>
      </c>
      <c r="G31" s="2" t="s">
        <v>64</v>
      </c>
      <c r="H31" s="2" t="s">
        <v>64</v>
      </c>
      <c r="I31" s="2" t="s">
        <v>64</v>
      </c>
    </row>
    <row r="32" spans="1:9" x14ac:dyDescent="0.25">
      <c r="A32" s="4" t="s">
        <v>132</v>
      </c>
      <c r="B32" s="6" t="s">
        <v>133</v>
      </c>
      <c r="C32" s="2" t="s">
        <v>64</v>
      </c>
      <c r="D32" s="2" t="s">
        <v>64</v>
      </c>
      <c r="E32" s="2" t="s">
        <v>64</v>
      </c>
      <c r="F32" s="2" t="s">
        <v>64</v>
      </c>
      <c r="G32" s="2" t="s">
        <v>64</v>
      </c>
      <c r="H32" s="2" t="s">
        <v>64</v>
      </c>
      <c r="I32" s="2" t="s">
        <v>64</v>
      </c>
    </row>
    <row r="33" spans="1:9" x14ac:dyDescent="0.25">
      <c r="A33" s="5" t="s">
        <v>134</v>
      </c>
      <c r="B33" s="7" t="s">
        <v>135</v>
      </c>
      <c r="C33" s="3" t="s">
        <v>136</v>
      </c>
      <c r="D33" s="3" t="s">
        <v>137</v>
      </c>
      <c r="E33" s="3" t="s">
        <v>138</v>
      </c>
      <c r="F33" s="3" t="s">
        <v>139</v>
      </c>
      <c r="G33" s="3" t="s">
        <v>140</v>
      </c>
      <c r="H33" s="3" t="s">
        <v>141</v>
      </c>
      <c r="I33" s="3" t="s">
        <v>142</v>
      </c>
    </row>
    <row r="34" spans="1:9" x14ac:dyDescent="0.25">
      <c r="A34" s="4" t="s">
        <v>143</v>
      </c>
      <c r="B34" s="6" t="s">
        <v>144</v>
      </c>
      <c r="C34" s="2" t="s">
        <v>145</v>
      </c>
      <c r="D34" s="2" t="s">
        <v>146</v>
      </c>
      <c r="E34" s="2" t="s">
        <v>147</v>
      </c>
      <c r="F34" s="2" t="s">
        <v>148</v>
      </c>
      <c r="G34" s="2" t="s">
        <v>149</v>
      </c>
      <c r="H34" s="2" t="s">
        <v>150</v>
      </c>
      <c r="I34" s="2" t="s">
        <v>151</v>
      </c>
    </row>
    <row r="35" spans="1:9" x14ac:dyDescent="0.25">
      <c r="A35" s="4" t="s">
        <v>152</v>
      </c>
      <c r="B35" s="6" t="s">
        <v>153</v>
      </c>
      <c r="C35" s="2" t="s">
        <v>154</v>
      </c>
      <c r="D35" s="2" t="s">
        <v>154</v>
      </c>
      <c r="E35" s="2" t="s">
        <v>155</v>
      </c>
      <c r="F35" s="2" t="s">
        <v>156</v>
      </c>
      <c r="G35" s="2" t="s">
        <v>157</v>
      </c>
      <c r="H35" s="2" t="s">
        <v>158</v>
      </c>
      <c r="I35" s="2" t="s">
        <v>159</v>
      </c>
    </row>
    <row r="36" spans="1:9" x14ac:dyDescent="0.25">
      <c r="A36" s="4" t="s">
        <v>160</v>
      </c>
      <c r="B36" s="6" t="s">
        <v>161</v>
      </c>
      <c r="C36" s="2" t="s">
        <v>162</v>
      </c>
      <c r="D36" s="2" t="s">
        <v>162</v>
      </c>
      <c r="E36" s="2" t="s">
        <v>163</v>
      </c>
      <c r="F36" s="2" t="s">
        <v>164</v>
      </c>
      <c r="G36" s="2" t="s">
        <v>165</v>
      </c>
      <c r="H36" s="2" t="s">
        <v>166</v>
      </c>
      <c r="I36" s="2" t="s">
        <v>167</v>
      </c>
    </row>
    <row r="37" spans="1:9" x14ac:dyDescent="0.25">
      <c r="A37" s="4" t="s">
        <v>168</v>
      </c>
      <c r="B37" s="6" t="s">
        <v>169</v>
      </c>
      <c r="C37" s="2" t="s">
        <v>64</v>
      </c>
      <c r="D37" s="2" t="s">
        <v>64</v>
      </c>
      <c r="E37" s="2" t="s">
        <v>64</v>
      </c>
      <c r="F37" s="2" t="s">
        <v>64</v>
      </c>
      <c r="G37" s="2" t="s">
        <v>64</v>
      </c>
      <c r="H37" s="2" t="s">
        <v>64</v>
      </c>
      <c r="I37" s="2" t="s">
        <v>64</v>
      </c>
    </row>
    <row r="38" spans="1:9" x14ac:dyDescent="0.25">
      <c r="A38" s="4" t="s">
        <v>170</v>
      </c>
      <c r="B38" s="6" t="s">
        <v>171</v>
      </c>
      <c r="C38" s="2" t="s">
        <v>172</v>
      </c>
      <c r="D38" s="2" t="s">
        <v>172</v>
      </c>
      <c r="E38" s="2" t="s">
        <v>173</v>
      </c>
      <c r="F38" s="2" t="s">
        <v>174</v>
      </c>
      <c r="G38" s="2" t="s">
        <v>175</v>
      </c>
      <c r="H38" s="2" t="s">
        <v>176</v>
      </c>
      <c r="I38" s="2" t="s">
        <v>177</v>
      </c>
    </row>
    <row r="39" spans="1:9" x14ac:dyDescent="0.25">
      <c r="A39" s="5" t="s">
        <v>178</v>
      </c>
      <c r="B39" s="7" t="s">
        <v>179</v>
      </c>
      <c r="C39" s="3" t="s">
        <v>180</v>
      </c>
      <c r="D39" s="3" t="s">
        <v>181</v>
      </c>
      <c r="E39" s="3" t="s">
        <v>182</v>
      </c>
      <c r="F39" s="3" t="s">
        <v>183</v>
      </c>
      <c r="G39" s="3" t="s">
        <v>184</v>
      </c>
      <c r="H39" s="3" t="s">
        <v>185</v>
      </c>
      <c r="I39" s="3" t="s">
        <v>186</v>
      </c>
    </row>
    <row r="40" spans="1:9" x14ac:dyDescent="0.25">
      <c r="A40" s="4" t="s">
        <v>187</v>
      </c>
      <c r="B40" s="6" t="s">
        <v>188</v>
      </c>
      <c r="C40" s="2" t="s">
        <v>189</v>
      </c>
      <c r="D40" s="2" t="s">
        <v>190</v>
      </c>
      <c r="E40" s="2" t="s">
        <v>191</v>
      </c>
      <c r="F40" s="2" t="s">
        <v>192</v>
      </c>
      <c r="G40" s="2" t="s">
        <v>193</v>
      </c>
      <c r="H40" s="2" t="s">
        <v>194</v>
      </c>
      <c r="I40" s="2" t="s">
        <v>195</v>
      </c>
    </row>
    <row r="41" spans="1:9" x14ac:dyDescent="0.25">
      <c r="A41" s="4" t="s">
        <v>196</v>
      </c>
      <c r="B41" s="6" t="s">
        <v>197</v>
      </c>
      <c r="C41" s="2" t="s">
        <v>64</v>
      </c>
      <c r="D41" s="2" t="s">
        <v>64</v>
      </c>
      <c r="E41" s="2" t="s">
        <v>64</v>
      </c>
      <c r="F41" s="2" t="s">
        <v>64</v>
      </c>
      <c r="G41" s="2" t="s">
        <v>64</v>
      </c>
      <c r="H41" s="2" t="s">
        <v>64</v>
      </c>
      <c r="I41" s="2" t="s">
        <v>64</v>
      </c>
    </row>
    <row r="42" spans="1:9" x14ac:dyDescent="0.25">
      <c r="A42" s="4" t="s">
        <v>198</v>
      </c>
      <c r="B42" s="6" t="s">
        <v>199</v>
      </c>
      <c r="C42" s="2" t="s">
        <v>200</v>
      </c>
      <c r="D42" s="2" t="s">
        <v>200</v>
      </c>
      <c r="E42" s="2" t="s">
        <v>201</v>
      </c>
      <c r="F42" s="2" t="s">
        <v>202</v>
      </c>
      <c r="G42" s="2" t="s">
        <v>203</v>
      </c>
      <c r="H42" s="2" t="s">
        <v>204</v>
      </c>
      <c r="I42" s="2" t="s">
        <v>205</v>
      </c>
    </row>
    <row r="43" spans="1:9" x14ac:dyDescent="0.25">
      <c r="A43" s="4" t="s">
        <v>206</v>
      </c>
      <c r="B43" s="6" t="s">
        <v>207</v>
      </c>
      <c r="C43" s="2" t="s">
        <v>208</v>
      </c>
      <c r="D43" s="2" t="s">
        <v>208</v>
      </c>
      <c r="E43" s="2" t="s">
        <v>209</v>
      </c>
      <c r="F43" s="2" t="s">
        <v>210</v>
      </c>
      <c r="G43" s="2" t="s">
        <v>211</v>
      </c>
      <c r="H43" s="2" t="s">
        <v>212</v>
      </c>
      <c r="I43" s="2" t="s">
        <v>213</v>
      </c>
    </row>
    <row r="44" spans="1:9" x14ac:dyDescent="0.25">
      <c r="A44" s="4" t="s">
        <v>214</v>
      </c>
      <c r="B44" s="6" t="s">
        <v>215</v>
      </c>
      <c r="C44" s="2" t="s">
        <v>216</v>
      </c>
      <c r="D44" s="2" t="s">
        <v>216</v>
      </c>
      <c r="E44" s="2" t="s">
        <v>217</v>
      </c>
      <c r="F44" s="2" t="s">
        <v>218</v>
      </c>
      <c r="G44" s="2" t="s">
        <v>219</v>
      </c>
      <c r="H44" s="2" t="s">
        <v>220</v>
      </c>
      <c r="I44" s="2" t="s">
        <v>221</v>
      </c>
    </row>
    <row r="45" spans="1:9" x14ac:dyDescent="0.25">
      <c r="A45" s="4" t="s">
        <v>222</v>
      </c>
      <c r="B45" s="6" t="s">
        <v>223</v>
      </c>
      <c r="C45" s="2" t="s">
        <v>224</v>
      </c>
      <c r="D45" s="2" t="s">
        <v>224</v>
      </c>
      <c r="E45" s="2" t="s">
        <v>225</v>
      </c>
      <c r="F45" s="2" t="s">
        <v>226</v>
      </c>
      <c r="G45" s="2" t="s">
        <v>227</v>
      </c>
      <c r="H45" s="2" t="s">
        <v>228</v>
      </c>
      <c r="I45" s="2" t="s">
        <v>229</v>
      </c>
    </row>
    <row r="46" spans="1:9" x14ac:dyDescent="0.25">
      <c r="A46" s="4" t="s">
        <v>230</v>
      </c>
      <c r="B46" s="6" t="s">
        <v>231</v>
      </c>
      <c r="C46" s="2" t="s">
        <v>64</v>
      </c>
      <c r="D46" s="2" t="s">
        <v>64</v>
      </c>
      <c r="E46" s="2" t="s">
        <v>64</v>
      </c>
      <c r="F46" s="2" t="s">
        <v>64</v>
      </c>
      <c r="G46" s="2" t="s">
        <v>64</v>
      </c>
      <c r="H46" s="2" t="s">
        <v>64</v>
      </c>
      <c r="I46" s="2" t="s">
        <v>64</v>
      </c>
    </row>
    <row r="47" spans="1:9" x14ac:dyDescent="0.25">
      <c r="A47" s="4" t="s">
        <v>232</v>
      </c>
      <c r="B47" s="6" t="s">
        <v>233</v>
      </c>
      <c r="C47" s="2" t="s">
        <v>64</v>
      </c>
      <c r="D47" s="2" t="s">
        <v>64</v>
      </c>
      <c r="E47" s="2" t="s">
        <v>64</v>
      </c>
      <c r="F47" s="2" t="s">
        <v>64</v>
      </c>
      <c r="G47" s="2" t="s">
        <v>64</v>
      </c>
      <c r="H47" s="2" t="s">
        <v>64</v>
      </c>
      <c r="I47" s="2" t="s">
        <v>64</v>
      </c>
    </row>
    <row r="48" spans="1:9" x14ac:dyDescent="0.25">
      <c r="A48" s="5" t="s">
        <v>234</v>
      </c>
      <c r="B48" s="7" t="s">
        <v>235</v>
      </c>
      <c r="C48" s="3" t="s">
        <v>236</v>
      </c>
      <c r="D48" s="3" t="s">
        <v>237</v>
      </c>
      <c r="E48" s="3" t="s">
        <v>238</v>
      </c>
      <c r="F48" s="3" t="s">
        <v>239</v>
      </c>
      <c r="G48" s="3" t="s">
        <v>240</v>
      </c>
      <c r="H48" s="3" t="s">
        <v>241</v>
      </c>
      <c r="I48" s="3" t="s">
        <v>242</v>
      </c>
    </row>
    <row r="49" spans="1:9" x14ac:dyDescent="0.25">
      <c r="A49" s="4" t="s">
        <v>243</v>
      </c>
      <c r="B49" s="6" t="s">
        <v>244</v>
      </c>
      <c r="C49" s="2" t="s">
        <v>245</v>
      </c>
      <c r="D49" s="2" t="s">
        <v>246</v>
      </c>
      <c r="E49" s="2" t="s">
        <v>247</v>
      </c>
      <c r="F49" s="2" t="s">
        <v>248</v>
      </c>
      <c r="G49" s="2" t="s">
        <v>249</v>
      </c>
      <c r="H49" s="2" t="s">
        <v>250</v>
      </c>
      <c r="I49" s="2" t="s">
        <v>251</v>
      </c>
    </row>
    <row r="50" spans="1:9" x14ac:dyDescent="0.25">
      <c r="A50" s="4" t="s">
        <v>252</v>
      </c>
      <c r="B50" s="6" t="s">
        <v>253</v>
      </c>
      <c r="C50" s="2" t="s">
        <v>254</v>
      </c>
      <c r="D50" s="2" t="s">
        <v>255</v>
      </c>
      <c r="E50" s="2" t="s">
        <v>256</v>
      </c>
      <c r="F50" s="2" t="s">
        <v>257</v>
      </c>
      <c r="G50" s="2" t="s">
        <v>258</v>
      </c>
      <c r="H50" s="2" t="s">
        <v>259</v>
      </c>
      <c r="I50" s="2" t="s">
        <v>260</v>
      </c>
    </row>
    <row r="51" spans="1:9" x14ac:dyDescent="0.25">
      <c r="A51" s="4" t="s">
        <v>261</v>
      </c>
      <c r="B51" s="6" t="s">
        <v>262</v>
      </c>
      <c r="C51" s="2" t="s">
        <v>64</v>
      </c>
      <c r="D51" s="2" t="s">
        <v>64</v>
      </c>
      <c r="E51" s="2" t="s">
        <v>64</v>
      </c>
      <c r="F51" s="2" t="s">
        <v>64</v>
      </c>
      <c r="G51" s="2" t="s">
        <v>64</v>
      </c>
      <c r="H51" s="2" t="s">
        <v>64</v>
      </c>
      <c r="I51" s="2" t="s">
        <v>64</v>
      </c>
    </row>
    <row r="52" spans="1:9" x14ac:dyDescent="0.25">
      <c r="A52" s="4" t="s">
        <v>263</v>
      </c>
      <c r="B52" s="6" t="s">
        <v>264</v>
      </c>
      <c r="C52" s="2" t="s">
        <v>265</v>
      </c>
      <c r="D52" s="2" t="s">
        <v>266</v>
      </c>
      <c r="E52" s="2" t="s">
        <v>267</v>
      </c>
      <c r="F52" s="2" t="s">
        <v>268</v>
      </c>
      <c r="G52" s="2" t="s">
        <v>269</v>
      </c>
      <c r="H52" s="2" t="s">
        <v>270</v>
      </c>
      <c r="I52" s="2" t="s">
        <v>271</v>
      </c>
    </row>
    <row r="53" spans="1:9" x14ac:dyDescent="0.25">
      <c r="A53" s="5" t="s">
        <v>272</v>
      </c>
      <c r="B53" s="7" t="s">
        <v>273</v>
      </c>
      <c r="C53" s="3" t="s">
        <v>274</v>
      </c>
      <c r="D53" s="3" t="s">
        <v>275</v>
      </c>
      <c r="E53" s="3" t="s">
        <v>276</v>
      </c>
      <c r="F53" s="3" t="s">
        <v>277</v>
      </c>
      <c r="G53" s="3" t="s">
        <v>278</v>
      </c>
      <c r="H53" s="3" t="s">
        <v>279</v>
      </c>
      <c r="I53" s="3" t="s">
        <v>280</v>
      </c>
    </row>
    <row r="54" spans="1:9" x14ac:dyDescent="0.25">
      <c r="A54" s="5" t="s">
        <v>281</v>
      </c>
      <c r="B54" s="7" t="s">
        <v>282</v>
      </c>
      <c r="C54" s="3" t="s">
        <v>64</v>
      </c>
      <c r="D54" s="3" t="s">
        <v>283</v>
      </c>
      <c r="E54" s="3" t="s">
        <v>284</v>
      </c>
      <c r="F54" s="3" t="s">
        <v>285</v>
      </c>
      <c r="G54" s="3" t="s">
        <v>286</v>
      </c>
      <c r="H54" s="3" t="s">
        <v>287</v>
      </c>
      <c r="I54" s="3" t="s">
        <v>288</v>
      </c>
    </row>
    <row r="55" spans="1:9" x14ac:dyDescent="0.25">
      <c r="A55" s="4" t="s">
        <v>289</v>
      </c>
      <c r="B55" s="6" t="s">
        <v>290</v>
      </c>
      <c r="C55" s="2" t="s">
        <v>64</v>
      </c>
      <c r="D55" s="2" t="s">
        <v>291</v>
      </c>
      <c r="E55" s="2" t="s">
        <v>284</v>
      </c>
      <c r="F55" s="2" t="s">
        <v>292</v>
      </c>
      <c r="G55" s="2" t="s">
        <v>286</v>
      </c>
      <c r="H55" s="2" t="s">
        <v>293</v>
      </c>
      <c r="I55" s="2" t="s">
        <v>294</v>
      </c>
    </row>
    <row r="56" spans="1:9" x14ac:dyDescent="0.25">
      <c r="A56" s="4" t="s">
        <v>295</v>
      </c>
      <c r="B56" s="6" t="s">
        <v>296</v>
      </c>
      <c r="C56" s="2" t="s">
        <v>64</v>
      </c>
      <c r="D56" s="2" t="s">
        <v>297</v>
      </c>
      <c r="E56" s="2" t="s">
        <v>64</v>
      </c>
      <c r="F56" s="2" t="s">
        <v>64</v>
      </c>
      <c r="G56" s="2" t="s">
        <v>64</v>
      </c>
      <c r="H56" s="2" t="s">
        <v>64</v>
      </c>
      <c r="I56" s="2" t="s">
        <v>297</v>
      </c>
    </row>
    <row r="57" spans="1:9" x14ac:dyDescent="0.25">
      <c r="A57" s="5" t="s">
        <v>298</v>
      </c>
      <c r="B57" s="7" t="s">
        <v>299</v>
      </c>
      <c r="C57" s="3" t="s">
        <v>300</v>
      </c>
      <c r="D57" s="3" t="s">
        <v>301</v>
      </c>
      <c r="E57" s="3" t="s">
        <v>302</v>
      </c>
      <c r="F57" s="3" t="s">
        <v>303</v>
      </c>
      <c r="G57" s="3" t="s">
        <v>304</v>
      </c>
      <c r="H57" s="3" t="s">
        <v>305</v>
      </c>
      <c r="I57" s="3" t="s">
        <v>306</v>
      </c>
    </row>
    <row r="58" spans="1:9" x14ac:dyDescent="0.25">
      <c r="A58" s="4" t="s">
        <v>307</v>
      </c>
      <c r="B58" s="6" t="s">
        <v>308</v>
      </c>
      <c r="C58" s="2" t="s">
        <v>300</v>
      </c>
      <c r="D58" s="2" t="s">
        <v>300</v>
      </c>
      <c r="E58" s="2" t="s">
        <v>309</v>
      </c>
      <c r="F58" s="2" t="s">
        <v>310</v>
      </c>
      <c r="G58" s="2" t="s">
        <v>311</v>
      </c>
      <c r="H58" s="2" t="s">
        <v>312</v>
      </c>
      <c r="I58" s="2" t="s">
        <v>313</v>
      </c>
    </row>
    <row r="59" spans="1:9" x14ac:dyDescent="0.25">
      <c r="A59" s="4" t="s">
        <v>314</v>
      </c>
      <c r="B59" s="6" t="s">
        <v>315</v>
      </c>
      <c r="C59" s="2" t="s">
        <v>64</v>
      </c>
      <c r="D59" s="2" t="s">
        <v>316</v>
      </c>
      <c r="E59" s="2" t="s">
        <v>317</v>
      </c>
      <c r="F59" s="2" t="s">
        <v>318</v>
      </c>
      <c r="G59" s="2" t="s">
        <v>319</v>
      </c>
      <c r="H59" s="2" t="s">
        <v>320</v>
      </c>
      <c r="I59" s="2" t="s">
        <v>321</v>
      </c>
    </row>
    <row r="60" spans="1:9" x14ac:dyDescent="0.25">
      <c r="A60" s="4" t="s">
        <v>322</v>
      </c>
      <c r="B60" s="6" t="s">
        <v>323</v>
      </c>
      <c r="C60" s="2" t="s">
        <v>64</v>
      </c>
      <c r="D60" s="2" t="s">
        <v>64</v>
      </c>
      <c r="E60" s="2" t="s">
        <v>64</v>
      </c>
      <c r="F60" s="2" t="s">
        <v>64</v>
      </c>
      <c r="G60" s="2" t="s">
        <v>64</v>
      </c>
      <c r="H60" s="2" t="s">
        <v>64</v>
      </c>
      <c r="I60" s="2" t="s">
        <v>64</v>
      </c>
    </row>
    <row r="61" spans="1:9" x14ac:dyDescent="0.25">
      <c r="A61" s="4" t="s">
        <v>324</v>
      </c>
      <c r="B61" s="6" t="s">
        <v>325</v>
      </c>
      <c r="C61" s="2" t="s">
        <v>326</v>
      </c>
      <c r="D61" s="2" t="s">
        <v>327</v>
      </c>
      <c r="E61" s="2" t="s">
        <v>328</v>
      </c>
      <c r="F61" s="2" t="s">
        <v>329</v>
      </c>
      <c r="G61" s="2" t="s">
        <v>330</v>
      </c>
      <c r="H61" s="2" t="s">
        <v>331</v>
      </c>
      <c r="I61" s="2" t="s">
        <v>332</v>
      </c>
    </row>
    <row r="62" spans="1:9" x14ac:dyDescent="0.25">
      <c r="A62" s="5" t="s">
        <v>333</v>
      </c>
      <c r="B62" s="7" t="s">
        <v>334</v>
      </c>
      <c r="C62" s="3" t="s">
        <v>335</v>
      </c>
      <c r="D62" s="3" t="s">
        <v>336</v>
      </c>
      <c r="E62" s="3" t="s">
        <v>337</v>
      </c>
      <c r="F62" s="3" t="s">
        <v>338</v>
      </c>
      <c r="G62" s="3" t="s">
        <v>339</v>
      </c>
      <c r="H62" s="3" t="s">
        <v>340</v>
      </c>
      <c r="I62" s="3" t="s">
        <v>341</v>
      </c>
    </row>
    <row r="63" spans="1:9" x14ac:dyDescent="0.25">
      <c r="A63" s="4" t="s">
        <v>342</v>
      </c>
      <c r="B63" s="6" t="s">
        <v>188</v>
      </c>
      <c r="C63" s="2" t="s">
        <v>343</v>
      </c>
      <c r="D63" s="2" t="s">
        <v>344</v>
      </c>
      <c r="E63" s="2" t="s">
        <v>345</v>
      </c>
      <c r="F63" s="2" t="s">
        <v>346</v>
      </c>
      <c r="G63" s="2" t="s">
        <v>347</v>
      </c>
      <c r="H63" s="2" t="s">
        <v>348</v>
      </c>
      <c r="I63" s="2" t="s">
        <v>349</v>
      </c>
    </row>
    <row r="64" spans="1:9" x14ac:dyDescent="0.25">
      <c r="A64" s="4" t="s">
        <v>350</v>
      </c>
      <c r="B64" s="6" t="s">
        <v>197</v>
      </c>
      <c r="C64" s="2" t="s">
        <v>351</v>
      </c>
      <c r="D64" s="2" t="s">
        <v>352</v>
      </c>
      <c r="E64" s="2" t="s">
        <v>353</v>
      </c>
      <c r="F64" s="2" t="s">
        <v>354</v>
      </c>
      <c r="G64" s="2" t="s">
        <v>355</v>
      </c>
      <c r="H64" s="2" t="s">
        <v>356</v>
      </c>
      <c r="I64" s="2" t="s">
        <v>357</v>
      </c>
    </row>
    <row r="65" spans="1:9" x14ac:dyDescent="0.25">
      <c r="A65" s="4" t="s">
        <v>358</v>
      </c>
      <c r="B65" s="6" t="s">
        <v>199</v>
      </c>
      <c r="C65" s="2" t="s">
        <v>64</v>
      </c>
      <c r="D65" s="2" t="s">
        <v>64</v>
      </c>
      <c r="E65" s="2" t="s">
        <v>359</v>
      </c>
      <c r="F65" s="2" t="s">
        <v>64</v>
      </c>
      <c r="G65" s="2" t="s">
        <v>360</v>
      </c>
      <c r="H65" s="2" t="s">
        <v>64</v>
      </c>
      <c r="I65" s="2" t="s">
        <v>361</v>
      </c>
    </row>
    <row r="66" spans="1:9" x14ac:dyDescent="0.25">
      <c r="A66" s="4" t="s">
        <v>362</v>
      </c>
      <c r="B66" s="6" t="s">
        <v>207</v>
      </c>
      <c r="C66" s="2" t="s">
        <v>363</v>
      </c>
      <c r="D66" s="2" t="s">
        <v>363</v>
      </c>
      <c r="E66" s="2" t="s">
        <v>364</v>
      </c>
      <c r="F66" s="2" t="s">
        <v>365</v>
      </c>
      <c r="G66" s="2" t="s">
        <v>366</v>
      </c>
      <c r="H66" s="2" t="s">
        <v>367</v>
      </c>
      <c r="I66" s="2" t="s">
        <v>368</v>
      </c>
    </row>
    <row r="67" spans="1:9" x14ac:dyDescent="0.25">
      <c r="A67" s="4" t="s">
        <v>369</v>
      </c>
      <c r="B67" s="6" t="s">
        <v>215</v>
      </c>
      <c r="C67" s="2" t="s">
        <v>64</v>
      </c>
      <c r="D67" s="2" t="s">
        <v>64</v>
      </c>
      <c r="E67" s="2" t="s">
        <v>64</v>
      </c>
      <c r="F67" s="2" t="s">
        <v>64</v>
      </c>
      <c r="G67" s="2" t="s">
        <v>64</v>
      </c>
      <c r="H67" s="2" t="s">
        <v>64</v>
      </c>
      <c r="I67" s="2" t="s">
        <v>64</v>
      </c>
    </row>
    <row r="68" spans="1:9" x14ac:dyDescent="0.25">
      <c r="A68" s="4" t="s">
        <v>370</v>
      </c>
      <c r="B68" s="6" t="s">
        <v>223</v>
      </c>
      <c r="C68" s="2" t="s">
        <v>371</v>
      </c>
      <c r="D68" s="2" t="s">
        <v>371</v>
      </c>
      <c r="E68" s="2" t="s">
        <v>64</v>
      </c>
      <c r="F68" s="2" t="s">
        <v>64</v>
      </c>
      <c r="G68" s="2" t="s">
        <v>64</v>
      </c>
      <c r="H68" s="2" t="s">
        <v>64</v>
      </c>
      <c r="I68" s="2" t="s">
        <v>371</v>
      </c>
    </row>
    <row r="69" spans="1:9" x14ac:dyDescent="0.25">
      <c r="A69" s="4" t="s">
        <v>372</v>
      </c>
      <c r="B69" s="6" t="s">
        <v>231</v>
      </c>
      <c r="C69" s="2" t="s">
        <v>373</v>
      </c>
      <c r="D69" s="2" t="s">
        <v>373</v>
      </c>
      <c r="E69" s="2" t="s">
        <v>64</v>
      </c>
      <c r="F69" s="2" t="s">
        <v>64</v>
      </c>
      <c r="G69" s="2" t="s">
        <v>64</v>
      </c>
      <c r="H69" s="2" t="s">
        <v>64</v>
      </c>
      <c r="I69" s="2" t="s">
        <v>373</v>
      </c>
    </row>
    <row r="70" spans="1:9" x14ac:dyDescent="0.25">
      <c r="A70" s="4" t="s">
        <v>374</v>
      </c>
      <c r="B70" s="6" t="s">
        <v>233</v>
      </c>
      <c r="C70" s="2" t="s">
        <v>64</v>
      </c>
      <c r="D70" s="2" t="s">
        <v>64</v>
      </c>
      <c r="E70" s="2" t="s">
        <v>64</v>
      </c>
      <c r="F70" s="2" t="s">
        <v>64</v>
      </c>
      <c r="G70" s="2" t="s">
        <v>64</v>
      </c>
      <c r="H70" s="2" t="s">
        <v>64</v>
      </c>
      <c r="I70" s="2" t="s">
        <v>64</v>
      </c>
    </row>
    <row r="71" spans="1:9" x14ac:dyDescent="0.25">
      <c r="A71" s="5" t="s">
        <v>375</v>
      </c>
      <c r="B71" s="7" t="s">
        <v>376</v>
      </c>
      <c r="C71" s="3" t="s">
        <v>377</v>
      </c>
      <c r="D71" s="3" t="s">
        <v>377</v>
      </c>
      <c r="E71" s="3" t="s">
        <v>378</v>
      </c>
      <c r="F71" s="3" t="s">
        <v>379</v>
      </c>
      <c r="G71" s="3" t="s">
        <v>378</v>
      </c>
      <c r="H71" s="3" t="s">
        <v>379</v>
      </c>
      <c r="I71" s="3" t="s">
        <v>380</v>
      </c>
    </row>
    <row r="72" spans="1:9" x14ac:dyDescent="0.25">
      <c r="A72" s="4" t="s">
        <v>381</v>
      </c>
      <c r="B72" s="6" t="s">
        <v>382</v>
      </c>
      <c r="C72" s="2" t="s">
        <v>64</v>
      </c>
      <c r="D72" s="2" t="s">
        <v>64</v>
      </c>
      <c r="E72" s="2" t="s">
        <v>64</v>
      </c>
      <c r="F72" s="2" t="s">
        <v>64</v>
      </c>
      <c r="G72" s="2" t="s">
        <v>64</v>
      </c>
      <c r="H72" s="2" t="s">
        <v>64</v>
      </c>
      <c r="I72" s="2" t="s">
        <v>64</v>
      </c>
    </row>
    <row r="73" spans="1:9" x14ac:dyDescent="0.25">
      <c r="A73" s="4" t="s">
        <v>383</v>
      </c>
      <c r="B73" s="6" t="s">
        <v>384</v>
      </c>
      <c r="C73" s="2" t="s">
        <v>64</v>
      </c>
      <c r="D73" s="2" t="s">
        <v>64</v>
      </c>
      <c r="E73" s="2" t="s">
        <v>64</v>
      </c>
      <c r="F73" s="2" t="s">
        <v>64</v>
      </c>
      <c r="G73" s="2" t="s">
        <v>64</v>
      </c>
      <c r="H73" s="2" t="s">
        <v>64</v>
      </c>
      <c r="I73" s="2" t="s">
        <v>64</v>
      </c>
    </row>
    <row r="74" spans="1:9" x14ac:dyDescent="0.25">
      <c r="A74" s="4" t="s">
        <v>385</v>
      </c>
      <c r="B74" s="6" t="s">
        <v>386</v>
      </c>
      <c r="C74" s="2" t="s">
        <v>64</v>
      </c>
      <c r="D74" s="2" t="s">
        <v>64</v>
      </c>
      <c r="E74" s="2" t="s">
        <v>64</v>
      </c>
      <c r="F74" s="2" t="s">
        <v>64</v>
      </c>
      <c r="G74" s="2" t="s">
        <v>64</v>
      </c>
      <c r="H74" s="2" t="s">
        <v>64</v>
      </c>
      <c r="I74" s="2" t="s">
        <v>64</v>
      </c>
    </row>
    <row r="75" spans="1:9" x14ac:dyDescent="0.25">
      <c r="A75" s="4" t="s">
        <v>387</v>
      </c>
      <c r="B75" s="6" t="s">
        <v>388</v>
      </c>
      <c r="C75" s="2" t="s">
        <v>377</v>
      </c>
      <c r="D75" s="2" t="s">
        <v>377</v>
      </c>
      <c r="E75" s="2" t="s">
        <v>378</v>
      </c>
      <c r="F75" s="2" t="s">
        <v>379</v>
      </c>
      <c r="G75" s="2" t="s">
        <v>378</v>
      </c>
      <c r="H75" s="2" t="s">
        <v>379</v>
      </c>
      <c r="I75" s="2" t="s">
        <v>380</v>
      </c>
    </row>
    <row r="76" spans="1:9" x14ac:dyDescent="0.25">
      <c r="A76" s="4" t="s">
        <v>389</v>
      </c>
      <c r="B76" s="6" t="s">
        <v>390</v>
      </c>
      <c r="C76" s="2" t="s">
        <v>391</v>
      </c>
      <c r="D76" s="2" t="s">
        <v>392</v>
      </c>
      <c r="E76" s="2" t="s">
        <v>393</v>
      </c>
      <c r="F76" s="2" t="s">
        <v>394</v>
      </c>
      <c r="G76" s="2" t="s">
        <v>395</v>
      </c>
      <c r="H76" s="2" t="s">
        <v>396</v>
      </c>
      <c r="I76" s="2" t="s">
        <v>397</v>
      </c>
    </row>
    <row r="77" spans="1:9" x14ac:dyDescent="0.25">
      <c r="A77" s="5" t="s">
        <v>398</v>
      </c>
      <c r="B77" s="7" t="s">
        <v>399</v>
      </c>
      <c r="C77" s="3" t="s">
        <v>400</v>
      </c>
      <c r="D77" s="3" t="s">
        <v>401</v>
      </c>
      <c r="E77" s="3" t="s">
        <v>402</v>
      </c>
      <c r="F77" s="3" t="s">
        <v>403</v>
      </c>
      <c r="G77" s="3" t="s">
        <v>404</v>
      </c>
      <c r="H77" s="3" t="s">
        <v>405</v>
      </c>
      <c r="I77" s="3" t="s">
        <v>406</v>
      </c>
    </row>
    <row r="78" spans="1:9" x14ac:dyDescent="0.25">
      <c r="A78" s="5" t="s">
        <v>407</v>
      </c>
      <c r="B78" s="7" t="s">
        <v>408</v>
      </c>
      <c r="C78" s="3" t="s">
        <v>64</v>
      </c>
      <c r="D78" s="3" t="s">
        <v>64</v>
      </c>
      <c r="E78" s="3" t="s">
        <v>64</v>
      </c>
      <c r="F78" s="3" t="s">
        <v>64</v>
      </c>
      <c r="G78" s="3" t="s">
        <v>64</v>
      </c>
      <c r="H78" s="3" t="s">
        <v>64</v>
      </c>
      <c r="I78" s="3" t="s">
        <v>64</v>
      </c>
    </row>
    <row r="79" spans="1:9" x14ac:dyDescent="0.25">
      <c r="A79" s="5" t="s">
        <v>409</v>
      </c>
      <c r="B79" s="7" t="s">
        <v>410</v>
      </c>
      <c r="C79" s="3" t="s">
        <v>64</v>
      </c>
      <c r="D79" s="3" t="s">
        <v>64</v>
      </c>
      <c r="E79" s="3" t="s">
        <v>64</v>
      </c>
      <c r="F79" s="3" t="s">
        <v>64</v>
      </c>
      <c r="G79" s="3" t="s">
        <v>64</v>
      </c>
      <c r="H79" s="3" t="s">
        <v>64</v>
      </c>
      <c r="I79" s="3" t="s">
        <v>64</v>
      </c>
    </row>
    <row r="80" spans="1:9" x14ac:dyDescent="0.25">
      <c r="A80" s="4" t="s">
        <v>411</v>
      </c>
      <c r="B80" s="6" t="s">
        <v>412</v>
      </c>
      <c r="C80" s="2" t="s">
        <v>64</v>
      </c>
      <c r="D80" s="2" t="s">
        <v>64</v>
      </c>
      <c r="E80" s="2" t="s">
        <v>64</v>
      </c>
      <c r="F80" s="2" t="s">
        <v>64</v>
      </c>
      <c r="G80" s="2" t="s">
        <v>64</v>
      </c>
      <c r="H80" s="2" t="s">
        <v>64</v>
      </c>
      <c r="I80" s="2" t="s">
        <v>64</v>
      </c>
    </row>
    <row r="81" spans="1:11" x14ac:dyDescent="0.25">
      <c r="A81" s="4" t="s">
        <v>413</v>
      </c>
      <c r="B81" s="6" t="s">
        <v>414</v>
      </c>
      <c r="C81" s="2" t="s">
        <v>64</v>
      </c>
      <c r="D81" s="2" t="s">
        <v>64</v>
      </c>
      <c r="E81" s="2" t="s">
        <v>64</v>
      </c>
      <c r="F81" s="2" t="s">
        <v>64</v>
      </c>
      <c r="G81" s="2" t="s">
        <v>64</v>
      </c>
      <c r="H81" s="2" t="s">
        <v>64</v>
      </c>
      <c r="I81" s="2" t="s">
        <v>64</v>
      </c>
    </row>
    <row r="82" spans="1:11" x14ac:dyDescent="0.25">
      <c r="A82" s="5" t="s">
        <v>415</v>
      </c>
      <c r="B82" s="7" t="s">
        <v>416</v>
      </c>
      <c r="C82" s="3" t="s">
        <v>64</v>
      </c>
      <c r="D82" s="3" t="s">
        <v>64</v>
      </c>
      <c r="E82" s="3" t="s">
        <v>64</v>
      </c>
      <c r="F82" s="3" t="s">
        <v>64</v>
      </c>
      <c r="G82" s="3" t="s">
        <v>64</v>
      </c>
      <c r="H82" s="3" t="s">
        <v>64</v>
      </c>
      <c r="I82" s="3" t="s">
        <v>64</v>
      </c>
    </row>
    <row r="83" spans="1:11" x14ac:dyDescent="0.25">
      <c r="A83" s="4" t="s">
        <v>417</v>
      </c>
      <c r="B83" s="6" t="s">
        <v>412</v>
      </c>
      <c r="C83" s="2" t="s">
        <v>64</v>
      </c>
      <c r="D83" s="2" t="s">
        <v>64</v>
      </c>
      <c r="E83" s="2" t="s">
        <v>64</v>
      </c>
      <c r="F83" s="2" t="s">
        <v>64</v>
      </c>
      <c r="G83" s="2" t="s">
        <v>64</v>
      </c>
      <c r="H83" s="2" t="s">
        <v>64</v>
      </c>
      <c r="I83" s="2" t="s">
        <v>64</v>
      </c>
    </row>
    <row r="84" spans="1:11" x14ac:dyDescent="0.25">
      <c r="A84" s="4" t="s">
        <v>418</v>
      </c>
      <c r="B84" s="6" t="s">
        <v>414</v>
      </c>
      <c r="C84" s="2" t="s">
        <v>64</v>
      </c>
      <c r="D84" s="2" t="s">
        <v>64</v>
      </c>
      <c r="E84" s="2" t="s">
        <v>64</v>
      </c>
      <c r="F84" s="2" t="s">
        <v>64</v>
      </c>
      <c r="G84" s="2" t="s">
        <v>64</v>
      </c>
      <c r="H84" s="2" t="s">
        <v>64</v>
      </c>
      <c r="I84" s="2" t="s">
        <v>64</v>
      </c>
    </row>
    <row r="85" spans="1:11" x14ac:dyDescent="0.25">
      <c r="A85" s="5" t="s">
        <v>419</v>
      </c>
      <c r="B85" s="7" t="s">
        <v>420</v>
      </c>
      <c r="C85" s="3" t="s">
        <v>400</v>
      </c>
      <c r="D85" s="3" t="s">
        <v>401</v>
      </c>
      <c r="E85" s="3" t="s">
        <v>402</v>
      </c>
      <c r="F85" s="3" t="s">
        <v>403</v>
      </c>
      <c r="G85" s="3" t="s">
        <v>404</v>
      </c>
      <c r="H85" s="3" t="s">
        <v>405</v>
      </c>
      <c r="I85" s="3" t="s">
        <v>406</v>
      </c>
    </row>
    <row r="86" spans="1:11" x14ac:dyDescent="0.25">
      <c r="A86" s="4" t="s">
        <v>421</v>
      </c>
      <c r="B86" s="6" t="s">
        <v>422</v>
      </c>
      <c r="C86" s="2" t="s">
        <v>64</v>
      </c>
      <c r="D86" s="2" t="s">
        <v>64</v>
      </c>
      <c r="E86" s="2" t="s">
        <v>64</v>
      </c>
      <c r="F86" s="2" t="s">
        <v>64</v>
      </c>
      <c r="G86" s="2" t="s">
        <v>64</v>
      </c>
      <c r="H86" s="2" t="s">
        <v>64</v>
      </c>
      <c r="I86" s="2" t="s">
        <v>64</v>
      </c>
    </row>
    <row r="87" spans="1:11" x14ac:dyDescent="0.25">
      <c r="A87" s="5" t="s">
        <v>423</v>
      </c>
      <c r="B87" s="7" t="s">
        <v>424</v>
      </c>
      <c r="C87" s="3" t="s">
        <v>400</v>
      </c>
      <c r="D87" s="3" t="s">
        <v>401</v>
      </c>
      <c r="E87" s="3" t="s">
        <v>402</v>
      </c>
      <c r="F87" s="3" t="s">
        <v>403</v>
      </c>
      <c r="G87" s="3" t="s">
        <v>404</v>
      </c>
      <c r="H87" s="3" t="s">
        <v>405</v>
      </c>
      <c r="I87" s="3" t="s">
        <v>406</v>
      </c>
    </row>
    <row r="88" spans="1:11" x14ac:dyDescent="0.25">
      <c r="A88" s="5" t="s">
        <v>425</v>
      </c>
      <c r="B88" s="7" t="s">
        <v>426</v>
      </c>
      <c r="C88" s="3" t="s">
        <v>64</v>
      </c>
      <c r="D88" s="3" t="s">
        <v>427</v>
      </c>
      <c r="E88" s="3" t="s">
        <v>64</v>
      </c>
      <c r="F88" s="3" t="s">
        <v>64</v>
      </c>
      <c r="G88" s="3" t="s">
        <v>427</v>
      </c>
      <c r="H88" s="3" t="s">
        <v>428</v>
      </c>
      <c r="I88" s="3" t="s">
        <v>64</v>
      </c>
    </row>
    <row r="89" spans="1:11" x14ac:dyDescent="0.25">
      <c r="A89" s="4" t="s">
        <v>429</v>
      </c>
      <c r="B89" s="6" t="s">
        <v>430</v>
      </c>
      <c r="C89" s="2" t="s">
        <v>64</v>
      </c>
      <c r="D89" s="2" t="s">
        <v>64</v>
      </c>
      <c r="E89" s="2" t="s">
        <v>64</v>
      </c>
      <c r="F89" s="2" t="s">
        <v>64</v>
      </c>
      <c r="G89" s="2" t="s">
        <v>64</v>
      </c>
      <c r="H89" s="2" t="s">
        <v>64</v>
      </c>
      <c r="I89" s="2" t="s">
        <v>64</v>
      </c>
    </row>
    <row r="90" spans="1:11" x14ac:dyDescent="0.25">
      <c r="A90" s="4" t="s">
        <v>431</v>
      </c>
      <c r="B90" s="6" t="s">
        <v>432</v>
      </c>
      <c r="C90" s="2" t="s">
        <v>64</v>
      </c>
      <c r="D90" s="2" t="s">
        <v>427</v>
      </c>
      <c r="E90" s="2" t="s">
        <v>64</v>
      </c>
      <c r="F90" s="2" t="s">
        <v>64</v>
      </c>
      <c r="G90" s="2" t="s">
        <v>427</v>
      </c>
      <c r="H90" s="2" t="s">
        <v>428</v>
      </c>
      <c r="I90" s="2" t="s">
        <v>64</v>
      </c>
    </row>
    <row r="91" spans="1:11" x14ac:dyDescent="0.25">
      <c r="A91" s="4" t="s">
        <v>433</v>
      </c>
      <c r="B91" s="6" t="s">
        <v>434</v>
      </c>
      <c r="C91" s="2" t="s">
        <v>64</v>
      </c>
      <c r="D91" s="2" t="s">
        <v>64</v>
      </c>
      <c r="E91" s="2" t="s">
        <v>64</v>
      </c>
      <c r="F91" s="2" t="s">
        <v>64</v>
      </c>
      <c r="G91" s="2" t="s">
        <v>64</v>
      </c>
      <c r="H91" s="2" t="s">
        <v>64</v>
      </c>
      <c r="I91" s="2" t="s">
        <v>64</v>
      </c>
    </row>
    <row r="93" spans="1:11" x14ac:dyDescent="0.25">
      <c r="A93" s="8" t="s">
        <v>6</v>
      </c>
      <c r="B93" s="8" t="s">
        <v>435</v>
      </c>
      <c r="C93" s="8" t="s">
        <v>436</v>
      </c>
      <c r="D93" s="8" t="s">
        <v>437</v>
      </c>
      <c r="E93" s="8" t="s">
        <v>438</v>
      </c>
      <c r="F93" s="8" t="s">
        <v>7</v>
      </c>
      <c r="G93" s="8" t="s">
        <v>441</v>
      </c>
      <c r="H93" s="8" t="s">
        <v>442</v>
      </c>
      <c r="I93" s="8" t="s">
        <v>7</v>
      </c>
      <c r="J93" s="8" t="s">
        <v>444</v>
      </c>
      <c r="K93" s="8" t="s">
        <v>445</v>
      </c>
    </row>
    <row r="94" spans="1:11" ht="21" x14ac:dyDescent="0.25">
      <c r="A94" s="8" t="s">
        <v>7</v>
      </c>
      <c r="B94" s="8" t="s">
        <v>7</v>
      </c>
      <c r="C94" s="8" t="s">
        <v>7</v>
      </c>
      <c r="D94" s="8" t="s">
        <v>7</v>
      </c>
      <c r="E94" s="1" t="s">
        <v>439</v>
      </c>
      <c r="F94" s="1" t="s">
        <v>440</v>
      </c>
      <c r="G94" s="8" t="s">
        <v>7</v>
      </c>
      <c r="H94" s="1" t="s">
        <v>439</v>
      </c>
      <c r="I94" s="1" t="s">
        <v>443</v>
      </c>
      <c r="J94" s="8" t="s">
        <v>7</v>
      </c>
      <c r="K94" s="8" t="s">
        <v>7</v>
      </c>
    </row>
    <row r="95" spans="1:11" x14ac:dyDescent="0.25">
      <c r="A95" s="5" t="s">
        <v>446</v>
      </c>
      <c r="B95" s="7" t="s">
        <v>447</v>
      </c>
      <c r="C95" s="3" t="s">
        <v>448</v>
      </c>
      <c r="D95" s="3" t="s">
        <v>449</v>
      </c>
      <c r="E95" s="3" t="s">
        <v>450</v>
      </c>
      <c r="F95" s="3" t="s">
        <v>451</v>
      </c>
      <c r="G95" s="3" t="s">
        <v>452</v>
      </c>
      <c r="H95" s="3" t="s">
        <v>453</v>
      </c>
      <c r="I95" s="3" t="s">
        <v>454</v>
      </c>
      <c r="J95" s="3" t="s">
        <v>455</v>
      </c>
      <c r="K95" s="3" t="s">
        <v>456</v>
      </c>
    </row>
    <row r="96" spans="1:11" x14ac:dyDescent="0.25">
      <c r="A96" s="5" t="s">
        <v>457</v>
      </c>
      <c r="B96" s="7" t="s">
        <v>458</v>
      </c>
      <c r="C96" s="3" t="s">
        <v>459</v>
      </c>
      <c r="D96" s="3" t="s">
        <v>460</v>
      </c>
      <c r="E96" s="3" t="s">
        <v>461</v>
      </c>
      <c r="F96" s="3" t="s">
        <v>462</v>
      </c>
      <c r="G96" s="3" t="s">
        <v>463</v>
      </c>
      <c r="H96" s="3" t="s">
        <v>464</v>
      </c>
      <c r="I96" s="3" t="s">
        <v>465</v>
      </c>
      <c r="J96" s="3" t="s">
        <v>466</v>
      </c>
      <c r="K96" s="3" t="s">
        <v>467</v>
      </c>
    </row>
    <row r="97" spans="1:11" x14ac:dyDescent="0.25">
      <c r="A97" s="4" t="s">
        <v>468</v>
      </c>
      <c r="B97" s="6" t="s">
        <v>469</v>
      </c>
      <c r="C97" s="2" t="s">
        <v>470</v>
      </c>
      <c r="D97" s="2" t="s">
        <v>471</v>
      </c>
      <c r="E97" s="2" t="s">
        <v>472</v>
      </c>
      <c r="F97" s="2" t="s">
        <v>473</v>
      </c>
      <c r="G97" s="2" t="s">
        <v>474</v>
      </c>
      <c r="H97" s="2" t="s">
        <v>475</v>
      </c>
      <c r="I97" s="2" t="s">
        <v>476</v>
      </c>
      <c r="J97" s="2" t="s">
        <v>477</v>
      </c>
      <c r="K97" s="2" t="s">
        <v>478</v>
      </c>
    </row>
    <row r="98" spans="1:11" x14ac:dyDescent="0.25">
      <c r="A98" s="4" t="s">
        <v>479</v>
      </c>
      <c r="B98" s="6" t="s">
        <v>480</v>
      </c>
      <c r="C98" s="2" t="s">
        <v>481</v>
      </c>
      <c r="D98" s="2" t="s">
        <v>482</v>
      </c>
      <c r="E98" s="2" t="s">
        <v>483</v>
      </c>
      <c r="F98" s="2" t="s">
        <v>484</v>
      </c>
      <c r="G98" s="2" t="s">
        <v>485</v>
      </c>
      <c r="H98" s="2" t="s">
        <v>486</v>
      </c>
      <c r="I98" s="2" t="s">
        <v>487</v>
      </c>
      <c r="J98" s="2" t="s">
        <v>488</v>
      </c>
      <c r="K98" s="2" t="s">
        <v>487</v>
      </c>
    </row>
    <row r="99" spans="1:11" x14ac:dyDescent="0.25">
      <c r="A99" s="5" t="s">
        <v>489</v>
      </c>
      <c r="B99" s="7" t="s">
        <v>490</v>
      </c>
      <c r="C99" s="3" t="s">
        <v>491</v>
      </c>
      <c r="D99" s="3" t="s">
        <v>492</v>
      </c>
      <c r="E99" s="3" t="s">
        <v>493</v>
      </c>
      <c r="F99" s="3" t="s">
        <v>494</v>
      </c>
      <c r="G99" s="3" t="s">
        <v>495</v>
      </c>
      <c r="H99" s="3" t="s">
        <v>496</v>
      </c>
      <c r="I99" s="3" t="s">
        <v>497</v>
      </c>
      <c r="J99" s="3" t="s">
        <v>498</v>
      </c>
      <c r="K99" s="3" t="s">
        <v>499</v>
      </c>
    </row>
    <row r="100" spans="1:11" x14ac:dyDescent="0.25">
      <c r="A100" s="4" t="s">
        <v>500</v>
      </c>
      <c r="B100" s="6" t="s">
        <v>501</v>
      </c>
      <c r="C100" s="2" t="s">
        <v>502</v>
      </c>
      <c r="D100" s="2" t="s">
        <v>503</v>
      </c>
      <c r="E100" s="2" t="s">
        <v>504</v>
      </c>
      <c r="F100" s="2" t="s">
        <v>503</v>
      </c>
      <c r="G100" s="2" t="s">
        <v>64</v>
      </c>
      <c r="H100" s="2" t="s">
        <v>505</v>
      </c>
      <c r="I100" s="2" t="s">
        <v>506</v>
      </c>
      <c r="J100" s="2" t="s">
        <v>505</v>
      </c>
      <c r="K100" s="2" t="s">
        <v>507</v>
      </c>
    </row>
    <row r="101" spans="1:11" x14ac:dyDescent="0.25">
      <c r="A101" s="4" t="s">
        <v>508</v>
      </c>
      <c r="B101" s="6" t="s">
        <v>509</v>
      </c>
      <c r="C101" s="2" t="s">
        <v>510</v>
      </c>
      <c r="D101" s="2" t="s">
        <v>511</v>
      </c>
      <c r="E101" s="2" t="s">
        <v>512</v>
      </c>
      <c r="F101" s="2" t="s">
        <v>513</v>
      </c>
      <c r="G101" s="2" t="s">
        <v>495</v>
      </c>
      <c r="H101" s="2" t="s">
        <v>514</v>
      </c>
      <c r="I101" s="2" t="s">
        <v>515</v>
      </c>
      <c r="J101" s="2" t="s">
        <v>516</v>
      </c>
      <c r="K101" s="2" t="s">
        <v>517</v>
      </c>
    </row>
    <row r="102" spans="1:11" x14ac:dyDescent="0.25">
      <c r="A102" s="5" t="s">
        <v>518</v>
      </c>
      <c r="B102" s="7" t="s">
        <v>519</v>
      </c>
      <c r="C102" s="3" t="s">
        <v>520</v>
      </c>
      <c r="D102" s="3" t="s">
        <v>521</v>
      </c>
      <c r="E102" s="3" t="s">
        <v>522</v>
      </c>
      <c r="F102" s="3" t="s">
        <v>523</v>
      </c>
      <c r="G102" s="3" t="s">
        <v>524</v>
      </c>
      <c r="H102" s="3" t="s">
        <v>525</v>
      </c>
      <c r="I102" s="3" t="s">
        <v>526</v>
      </c>
      <c r="J102" s="3" t="s">
        <v>527</v>
      </c>
      <c r="K102" s="3" t="s">
        <v>528</v>
      </c>
    </row>
    <row r="103" spans="1:11" x14ac:dyDescent="0.25">
      <c r="A103" s="4" t="s">
        <v>529</v>
      </c>
      <c r="B103" s="6" t="s">
        <v>530</v>
      </c>
      <c r="C103" s="2" t="s">
        <v>531</v>
      </c>
      <c r="D103" s="2" t="s">
        <v>532</v>
      </c>
      <c r="E103" s="2" t="s">
        <v>533</v>
      </c>
      <c r="F103" s="2" t="s">
        <v>534</v>
      </c>
      <c r="G103" s="2" t="s">
        <v>535</v>
      </c>
      <c r="H103" s="2" t="s">
        <v>536</v>
      </c>
      <c r="I103" s="2" t="s">
        <v>537</v>
      </c>
      <c r="J103" s="2" t="s">
        <v>538</v>
      </c>
      <c r="K103" s="2" t="s">
        <v>539</v>
      </c>
    </row>
    <row r="104" spans="1:11" x14ac:dyDescent="0.25">
      <c r="A104" s="4" t="s">
        <v>540</v>
      </c>
      <c r="B104" s="6" t="s">
        <v>541</v>
      </c>
      <c r="C104" s="2" t="s">
        <v>542</v>
      </c>
      <c r="D104" s="2" t="s">
        <v>543</v>
      </c>
      <c r="E104" s="2" t="s">
        <v>64</v>
      </c>
      <c r="F104" s="2" t="s">
        <v>544</v>
      </c>
      <c r="G104" s="2" t="s">
        <v>545</v>
      </c>
      <c r="H104" s="2" t="s">
        <v>64</v>
      </c>
      <c r="I104" s="2" t="s">
        <v>64</v>
      </c>
      <c r="J104" s="2" t="s">
        <v>543</v>
      </c>
      <c r="K104" s="2" t="s">
        <v>64</v>
      </c>
    </row>
    <row r="105" spans="1:11" x14ac:dyDescent="0.25">
      <c r="A105" s="4" t="s">
        <v>546</v>
      </c>
      <c r="B105" s="6" t="s">
        <v>547</v>
      </c>
      <c r="C105" s="2" t="s">
        <v>548</v>
      </c>
      <c r="D105" s="2" t="s">
        <v>549</v>
      </c>
      <c r="E105" s="2" t="s">
        <v>550</v>
      </c>
      <c r="F105" s="2" t="s">
        <v>551</v>
      </c>
      <c r="G105" s="2" t="s">
        <v>552</v>
      </c>
      <c r="H105" s="2" t="s">
        <v>553</v>
      </c>
      <c r="I105" s="2" t="s">
        <v>554</v>
      </c>
      <c r="J105" s="2" t="s">
        <v>555</v>
      </c>
      <c r="K105" s="2" t="s">
        <v>554</v>
      </c>
    </row>
    <row r="106" spans="1:11" x14ac:dyDescent="0.25">
      <c r="A106" s="4" t="s">
        <v>556</v>
      </c>
      <c r="B106" s="6" t="s">
        <v>557</v>
      </c>
      <c r="C106" s="2" t="s">
        <v>558</v>
      </c>
      <c r="D106" s="2" t="s">
        <v>559</v>
      </c>
      <c r="E106" s="2" t="s">
        <v>64</v>
      </c>
      <c r="F106" s="2" t="s">
        <v>64</v>
      </c>
      <c r="G106" s="2" t="s">
        <v>559</v>
      </c>
      <c r="H106" s="2" t="s">
        <v>64</v>
      </c>
      <c r="I106" s="2" t="s">
        <v>64</v>
      </c>
      <c r="J106" s="2" t="s">
        <v>559</v>
      </c>
      <c r="K106" s="2" t="s">
        <v>64</v>
      </c>
    </row>
    <row r="107" spans="1:11" x14ac:dyDescent="0.25">
      <c r="A107" s="4" t="s">
        <v>560</v>
      </c>
      <c r="B107" s="6" t="s">
        <v>561</v>
      </c>
      <c r="C107" s="2" t="s">
        <v>562</v>
      </c>
      <c r="D107" s="2" t="s">
        <v>563</v>
      </c>
      <c r="E107" s="2" t="s">
        <v>564</v>
      </c>
      <c r="F107" s="2" t="s">
        <v>565</v>
      </c>
      <c r="G107" s="2" t="s">
        <v>566</v>
      </c>
      <c r="H107" s="2" t="s">
        <v>567</v>
      </c>
      <c r="I107" s="2" t="s">
        <v>568</v>
      </c>
      <c r="J107" s="2" t="s">
        <v>569</v>
      </c>
      <c r="K107" s="2" t="s">
        <v>570</v>
      </c>
    </row>
    <row r="108" spans="1:11" x14ac:dyDescent="0.25">
      <c r="A108" s="5" t="s">
        <v>571</v>
      </c>
      <c r="B108" s="7" t="s">
        <v>572</v>
      </c>
      <c r="C108" s="3" t="s">
        <v>573</v>
      </c>
      <c r="D108" s="3" t="s">
        <v>574</v>
      </c>
      <c r="E108" s="3" t="s">
        <v>575</v>
      </c>
      <c r="F108" s="3" t="s">
        <v>576</v>
      </c>
      <c r="G108" s="3" t="s">
        <v>577</v>
      </c>
      <c r="H108" s="3" t="s">
        <v>578</v>
      </c>
      <c r="I108" s="3" t="s">
        <v>579</v>
      </c>
      <c r="J108" s="3" t="s">
        <v>580</v>
      </c>
      <c r="K108" s="3" t="s">
        <v>581</v>
      </c>
    </row>
    <row r="109" spans="1:11" x14ac:dyDescent="0.25">
      <c r="A109" s="5" t="s">
        <v>582</v>
      </c>
      <c r="B109" s="7" t="s">
        <v>583</v>
      </c>
      <c r="C109" s="3" t="s">
        <v>64</v>
      </c>
      <c r="D109" s="3" t="s">
        <v>64</v>
      </c>
      <c r="E109" s="3" t="s">
        <v>64</v>
      </c>
      <c r="F109" s="3" t="s">
        <v>64</v>
      </c>
      <c r="G109" s="3" t="s">
        <v>64</v>
      </c>
      <c r="H109" s="3" t="s">
        <v>64</v>
      </c>
      <c r="I109" s="3" t="s">
        <v>64</v>
      </c>
      <c r="J109" s="3" t="s">
        <v>64</v>
      </c>
      <c r="K109" s="3" t="s">
        <v>64</v>
      </c>
    </row>
    <row r="110" spans="1:11" x14ac:dyDescent="0.25">
      <c r="A110" s="5" t="s">
        <v>584</v>
      </c>
      <c r="B110" s="7" t="s">
        <v>585</v>
      </c>
      <c r="C110" s="3" t="s">
        <v>64</v>
      </c>
      <c r="D110" s="3" t="s">
        <v>64</v>
      </c>
      <c r="E110" s="3" t="s">
        <v>64</v>
      </c>
      <c r="F110" s="3" t="s">
        <v>64</v>
      </c>
      <c r="G110" s="3" t="s">
        <v>64</v>
      </c>
      <c r="H110" s="3" t="s">
        <v>64</v>
      </c>
      <c r="I110" s="3" t="s">
        <v>64</v>
      </c>
      <c r="J110" s="3" t="s">
        <v>64</v>
      </c>
      <c r="K110" s="3" t="s">
        <v>64</v>
      </c>
    </row>
    <row r="111" spans="1:11" x14ac:dyDescent="0.25">
      <c r="A111" s="4" t="s">
        <v>586</v>
      </c>
      <c r="B111" s="6" t="s">
        <v>587</v>
      </c>
      <c r="C111" s="2" t="s">
        <v>64</v>
      </c>
      <c r="D111" s="2" t="s">
        <v>64</v>
      </c>
      <c r="E111" s="2" t="s">
        <v>64</v>
      </c>
      <c r="F111" s="2" t="s">
        <v>64</v>
      </c>
      <c r="G111" s="2" t="s">
        <v>64</v>
      </c>
      <c r="H111" s="2" t="s">
        <v>64</v>
      </c>
      <c r="I111" s="2" t="s">
        <v>64</v>
      </c>
      <c r="J111" s="2" t="s">
        <v>64</v>
      </c>
      <c r="K111" s="2" t="s">
        <v>64</v>
      </c>
    </row>
    <row r="112" spans="1:11" x14ac:dyDescent="0.25">
      <c r="A112" s="4" t="s">
        <v>588</v>
      </c>
      <c r="B112" s="6" t="s">
        <v>589</v>
      </c>
      <c r="C112" s="2" t="s">
        <v>64</v>
      </c>
      <c r="D112" s="2" t="s">
        <v>64</v>
      </c>
      <c r="E112" s="2" t="s">
        <v>64</v>
      </c>
      <c r="F112" s="2" t="s">
        <v>64</v>
      </c>
      <c r="G112" s="2" t="s">
        <v>64</v>
      </c>
      <c r="H112" s="2" t="s">
        <v>64</v>
      </c>
      <c r="I112" s="2" t="s">
        <v>64</v>
      </c>
      <c r="J112" s="2" t="s">
        <v>64</v>
      </c>
      <c r="K112" s="2" t="s">
        <v>64</v>
      </c>
    </row>
    <row r="113" spans="1:11" x14ac:dyDescent="0.25">
      <c r="A113" s="5" t="s">
        <v>590</v>
      </c>
      <c r="B113" s="7" t="s">
        <v>591</v>
      </c>
      <c r="C113" s="3" t="s">
        <v>64</v>
      </c>
      <c r="D113" s="3" t="s">
        <v>64</v>
      </c>
      <c r="E113" s="3" t="s">
        <v>64</v>
      </c>
      <c r="F113" s="3" t="s">
        <v>64</v>
      </c>
      <c r="G113" s="3" t="s">
        <v>64</v>
      </c>
      <c r="H113" s="3" t="s">
        <v>64</v>
      </c>
      <c r="I113" s="3" t="s">
        <v>64</v>
      </c>
      <c r="J113" s="3" t="s">
        <v>64</v>
      </c>
      <c r="K113" s="3" t="s">
        <v>64</v>
      </c>
    </row>
    <row r="114" spans="1:11" x14ac:dyDescent="0.25">
      <c r="A114" s="4" t="s">
        <v>592</v>
      </c>
      <c r="B114" s="6" t="s">
        <v>587</v>
      </c>
      <c r="C114" s="2" t="s">
        <v>64</v>
      </c>
      <c r="D114" s="2" t="s">
        <v>64</v>
      </c>
      <c r="E114" s="2" t="s">
        <v>64</v>
      </c>
      <c r="F114" s="2" t="s">
        <v>64</v>
      </c>
      <c r="G114" s="2" t="s">
        <v>64</v>
      </c>
      <c r="H114" s="2" t="s">
        <v>64</v>
      </c>
      <c r="I114" s="2" t="s">
        <v>64</v>
      </c>
      <c r="J114" s="2" t="s">
        <v>64</v>
      </c>
      <c r="K114" s="2" t="s">
        <v>64</v>
      </c>
    </row>
    <row r="115" spans="1:11" x14ac:dyDescent="0.25">
      <c r="A115" s="4" t="s">
        <v>593</v>
      </c>
      <c r="B115" s="6" t="s">
        <v>589</v>
      </c>
      <c r="C115" s="2" t="s">
        <v>64</v>
      </c>
      <c r="D115" s="2" t="s">
        <v>64</v>
      </c>
      <c r="E115" s="2" t="s">
        <v>64</v>
      </c>
      <c r="F115" s="2" t="s">
        <v>64</v>
      </c>
      <c r="G115" s="2" t="s">
        <v>64</v>
      </c>
      <c r="H115" s="2" t="s">
        <v>64</v>
      </c>
      <c r="I115" s="2" t="s">
        <v>64</v>
      </c>
      <c r="J115" s="2" t="s">
        <v>64</v>
      </c>
      <c r="K115" s="2" t="s">
        <v>64</v>
      </c>
    </row>
    <row r="116" spans="1:11" x14ac:dyDescent="0.25">
      <c r="A116" s="5" t="s">
        <v>594</v>
      </c>
      <c r="B116" s="7" t="s">
        <v>595</v>
      </c>
      <c r="C116" s="3" t="s">
        <v>573</v>
      </c>
      <c r="D116" s="3" t="s">
        <v>574</v>
      </c>
      <c r="E116" s="3" t="s">
        <v>575</v>
      </c>
      <c r="F116" s="3" t="s">
        <v>576</v>
      </c>
      <c r="G116" s="3" t="s">
        <v>577</v>
      </c>
      <c r="H116" s="3" t="s">
        <v>578</v>
      </c>
      <c r="I116" s="3" t="s">
        <v>579</v>
      </c>
      <c r="J116" s="3" t="s">
        <v>580</v>
      </c>
      <c r="K116" s="3" t="s">
        <v>581</v>
      </c>
    </row>
    <row r="117" spans="1:11" x14ac:dyDescent="0.25">
      <c r="A117" s="4" t="s">
        <v>596</v>
      </c>
      <c r="B117" s="6" t="s">
        <v>597</v>
      </c>
      <c r="C117" s="2" t="s">
        <v>64</v>
      </c>
      <c r="D117" s="2" t="s">
        <v>64</v>
      </c>
      <c r="E117" s="2" t="s">
        <v>64</v>
      </c>
      <c r="F117" s="2" t="s">
        <v>64</v>
      </c>
      <c r="G117" s="2" t="s">
        <v>64</v>
      </c>
      <c r="H117" s="2" t="s">
        <v>64</v>
      </c>
      <c r="I117" s="2" t="s">
        <v>598</v>
      </c>
      <c r="J117" s="2" t="s">
        <v>64</v>
      </c>
      <c r="K117" s="2" t="s">
        <v>599</v>
      </c>
    </row>
    <row r="118" spans="1:11" x14ac:dyDescent="0.25">
      <c r="A118" s="5" t="s">
        <v>600</v>
      </c>
      <c r="B118" s="7" t="s">
        <v>601</v>
      </c>
      <c r="C118" s="3" t="s">
        <v>573</v>
      </c>
      <c r="D118" s="3" t="s">
        <v>574</v>
      </c>
      <c r="E118" s="3" t="s">
        <v>575</v>
      </c>
      <c r="F118" s="3" t="s">
        <v>576</v>
      </c>
      <c r="G118" s="3" t="s">
        <v>577</v>
      </c>
      <c r="H118" s="3" t="s">
        <v>578</v>
      </c>
      <c r="I118" s="3" t="s">
        <v>404</v>
      </c>
      <c r="J118" s="3" t="s">
        <v>580</v>
      </c>
      <c r="K118" s="3" t="s">
        <v>404</v>
      </c>
    </row>
    <row r="119" spans="1:11" x14ac:dyDescent="0.25">
      <c r="A119" s="4" t="s">
        <v>602</v>
      </c>
      <c r="B119" s="6" t="s">
        <v>603</v>
      </c>
      <c r="C119" s="2" t="s">
        <v>604</v>
      </c>
      <c r="D119" s="2" t="s">
        <v>605</v>
      </c>
      <c r="E119" s="2" t="s">
        <v>64</v>
      </c>
      <c r="F119" s="2" t="s">
        <v>64</v>
      </c>
      <c r="G119" s="2" t="s">
        <v>605</v>
      </c>
      <c r="H119" s="2" t="s">
        <v>64</v>
      </c>
      <c r="I119" s="2" t="s">
        <v>64</v>
      </c>
      <c r="J119" s="2" t="s">
        <v>605</v>
      </c>
      <c r="K119" s="2" t="s">
        <v>64</v>
      </c>
    </row>
    <row r="121" spans="1:11" x14ac:dyDescent="0.25">
      <c r="A121" s="8" t="s">
        <v>6</v>
      </c>
      <c r="B121" s="8" t="s">
        <v>606</v>
      </c>
      <c r="C121" s="8" t="s">
        <v>9</v>
      </c>
      <c r="D121" s="8" t="s">
        <v>10</v>
      </c>
      <c r="E121" s="8" t="s">
        <v>11</v>
      </c>
      <c r="F121" s="8" t="s">
        <v>7</v>
      </c>
      <c r="G121" s="8" t="s">
        <v>7</v>
      </c>
      <c r="H121" s="8" t="s">
        <v>7</v>
      </c>
      <c r="I121" s="8" t="s">
        <v>16</v>
      </c>
    </row>
    <row r="122" spans="1:11" ht="21" x14ac:dyDescent="0.25">
      <c r="A122" s="8" t="s">
        <v>7</v>
      </c>
      <c r="B122" s="8" t="s">
        <v>7</v>
      </c>
      <c r="C122" s="8" t="s">
        <v>7</v>
      </c>
      <c r="D122" s="8" t="s">
        <v>7</v>
      </c>
      <c r="E122" s="1" t="s">
        <v>12</v>
      </c>
      <c r="F122" s="1" t="s">
        <v>13</v>
      </c>
      <c r="G122" s="1" t="s">
        <v>14</v>
      </c>
      <c r="H122" s="1" t="s">
        <v>15</v>
      </c>
      <c r="I122" s="8" t="s">
        <v>7</v>
      </c>
    </row>
    <row r="123" spans="1:11" x14ac:dyDescent="0.25">
      <c r="A123" s="5" t="s">
        <v>607</v>
      </c>
      <c r="B123" s="7" t="s">
        <v>608</v>
      </c>
      <c r="C123" s="3" t="s">
        <v>391</v>
      </c>
      <c r="D123" s="3" t="s">
        <v>392</v>
      </c>
      <c r="E123" s="3" t="s">
        <v>393</v>
      </c>
      <c r="F123" s="3" t="s">
        <v>394</v>
      </c>
      <c r="G123" s="3" t="s">
        <v>395</v>
      </c>
      <c r="H123" s="3" t="s">
        <v>396</v>
      </c>
      <c r="I123" s="3" t="s">
        <v>397</v>
      </c>
    </row>
    <row r="124" spans="1:11" x14ac:dyDescent="0.25">
      <c r="A124" s="5" t="s">
        <v>609</v>
      </c>
      <c r="B124" s="7" t="s">
        <v>610</v>
      </c>
      <c r="C124" s="3" t="s">
        <v>391</v>
      </c>
      <c r="D124" s="3" t="s">
        <v>392</v>
      </c>
      <c r="E124" s="3" t="s">
        <v>393</v>
      </c>
      <c r="F124" s="3" t="s">
        <v>394</v>
      </c>
      <c r="G124" s="3" t="s">
        <v>395</v>
      </c>
      <c r="H124" s="3" t="s">
        <v>396</v>
      </c>
      <c r="I124" s="3" t="s">
        <v>397</v>
      </c>
    </row>
    <row r="125" spans="1:11" x14ac:dyDescent="0.25">
      <c r="A125" s="5" t="s">
        <v>611</v>
      </c>
      <c r="B125" s="7" t="s">
        <v>612</v>
      </c>
      <c r="C125" s="3" t="s">
        <v>64</v>
      </c>
      <c r="D125" s="3" t="s">
        <v>64</v>
      </c>
      <c r="E125" s="3" t="s">
        <v>64</v>
      </c>
      <c r="F125" s="3" t="s">
        <v>64</v>
      </c>
      <c r="G125" s="3" t="s">
        <v>64</v>
      </c>
      <c r="H125" s="3" t="s">
        <v>64</v>
      </c>
      <c r="I125" s="3" t="s">
        <v>64</v>
      </c>
    </row>
    <row r="126" spans="1:11" x14ac:dyDescent="0.25">
      <c r="A126" s="4" t="s">
        <v>613</v>
      </c>
      <c r="B126" s="6" t="s">
        <v>614</v>
      </c>
      <c r="C126" s="2" t="s">
        <v>64</v>
      </c>
      <c r="D126" s="2" t="s">
        <v>64</v>
      </c>
      <c r="E126" s="2" t="s">
        <v>64</v>
      </c>
      <c r="F126" s="2" t="s">
        <v>64</v>
      </c>
      <c r="G126" s="2" t="s">
        <v>64</v>
      </c>
      <c r="H126" s="2" t="s">
        <v>64</v>
      </c>
      <c r="I126" s="2" t="s">
        <v>64</v>
      </c>
    </row>
    <row r="127" spans="1:11" x14ac:dyDescent="0.25">
      <c r="A127" s="4" t="s">
        <v>615</v>
      </c>
      <c r="B127" s="6" t="s">
        <v>616</v>
      </c>
      <c r="C127" s="2" t="s">
        <v>64</v>
      </c>
      <c r="D127" s="2" t="s">
        <v>64</v>
      </c>
      <c r="E127" s="2" t="s">
        <v>64</v>
      </c>
      <c r="F127" s="2" t="s">
        <v>64</v>
      </c>
      <c r="G127" s="2" t="s">
        <v>64</v>
      </c>
      <c r="H127" s="2" t="s">
        <v>64</v>
      </c>
      <c r="I127" s="2" t="s">
        <v>64</v>
      </c>
    </row>
    <row r="128" spans="1:11" x14ac:dyDescent="0.25">
      <c r="A128" s="4" t="s">
        <v>617</v>
      </c>
      <c r="B128" s="6" t="s">
        <v>618</v>
      </c>
      <c r="C128" s="2" t="s">
        <v>64</v>
      </c>
      <c r="D128" s="2" t="s">
        <v>64</v>
      </c>
      <c r="E128" s="2" t="s">
        <v>64</v>
      </c>
      <c r="F128" s="2" t="s">
        <v>64</v>
      </c>
      <c r="G128" s="2" t="s">
        <v>64</v>
      </c>
      <c r="H128" s="2" t="s">
        <v>64</v>
      </c>
      <c r="I128" s="2" t="s">
        <v>64</v>
      </c>
    </row>
    <row r="129" spans="1:9" x14ac:dyDescent="0.25">
      <c r="A129" s="5" t="s">
        <v>619</v>
      </c>
      <c r="B129" s="7" t="s">
        <v>620</v>
      </c>
      <c r="C129" s="3" t="s">
        <v>621</v>
      </c>
      <c r="D129" s="3" t="s">
        <v>622</v>
      </c>
      <c r="E129" s="3" t="s">
        <v>623</v>
      </c>
      <c r="F129" s="3" t="s">
        <v>624</v>
      </c>
      <c r="G129" s="3" t="s">
        <v>625</v>
      </c>
      <c r="H129" s="3" t="s">
        <v>626</v>
      </c>
      <c r="I129" s="3" t="s">
        <v>627</v>
      </c>
    </row>
    <row r="130" spans="1:9" x14ac:dyDescent="0.25">
      <c r="A130" s="4" t="s">
        <v>628</v>
      </c>
      <c r="B130" s="6" t="s">
        <v>629</v>
      </c>
      <c r="C130" s="2" t="s">
        <v>621</v>
      </c>
      <c r="D130" s="2" t="s">
        <v>622</v>
      </c>
      <c r="E130" s="2" t="s">
        <v>623</v>
      </c>
      <c r="F130" s="2" t="s">
        <v>624</v>
      </c>
      <c r="G130" s="2" t="s">
        <v>625</v>
      </c>
      <c r="H130" s="2" t="s">
        <v>626</v>
      </c>
      <c r="I130" s="2" t="s">
        <v>627</v>
      </c>
    </row>
    <row r="131" spans="1:9" x14ac:dyDescent="0.25">
      <c r="A131" s="4" t="s">
        <v>630</v>
      </c>
      <c r="B131" s="6" t="s">
        <v>631</v>
      </c>
      <c r="C131" s="2" t="s">
        <v>64</v>
      </c>
      <c r="D131" s="2" t="s">
        <v>64</v>
      </c>
      <c r="E131" s="2" t="s">
        <v>64</v>
      </c>
      <c r="F131" s="2" t="s">
        <v>64</v>
      </c>
      <c r="G131" s="2" t="s">
        <v>64</v>
      </c>
      <c r="H131" s="2" t="s">
        <v>64</v>
      </c>
      <c r="I131" s="2" t="s">
        <v>64</v>
      </c>
    </row>
    <row r="132" spans="1:9" x14ac:dyDescent="0.25">
      <c r="A132" s="4" t="s">
        <v>632</v>
      </c>
      <c r="B132" s="6" t="s">
        <v>633</v>
      </c>
      <c r="C132" s="2" t="s">
        <v>64</v>
      </c>
      <c r="D132" s="2" t="s">
        <v>64</v>
      </c>
      <c r="E132" s="2" t="s">
        <v>64</v>
      </c>
      <c r="F132" s="2" t="s">
        <v>64</v>
      </c>
      <c r="G132" s="2" t="s">
        <v>64</v>
      </c>
      <c r="H132" s="2" t="s">
        <v>64</v>
      </c>
      <c r="I132" s="2" t="s">
        <v>64</v>
      </c>
    </row>
    <row r="133" spans="1:9" x14ac:dyDescent="0.25">
      <c r="A133" s="4" t="s">
        <v>634</v>
      </c>
      <c r="B133" s="6" t="s">
        <v>635</v>
      </c>
      <c r="C133" s="2" t="s">
        <v>64</v>
      </c>
      <c r="D133" s="2" t="s">
        <v>64</v>
      </c>
      <c r="E133" s="2" t="s">
        <v>64</v>
      </c>
      <c r="F133" s="2" t="s">
        <v>64</v>
      </c>
      <c r="G133" s="2" t="s">
        <v>64</v>
      </c>
      <c r="H133" s="2" t="s">
        <v>64</v>
      </c>
      <c r="I133" s="2" t="s">
        <v>64</v>
      </c>
    </row>
    <row r="134" spans="1:9" x14ac:dyDescent="0.25">
      <c r="A134" s="5" t="s">
        <v>636</v>
      </c>
      <c r="B134" s="7" t="s">
        <v>637</v>
      </c>
      <c r="C134" s="3" t="s">
        <v>638</v>
      </c>
      <c r="D134" s="3" t="s">
        <v>638</v>
      </c>
      <c r="E134" s="3" t="s">
        <v>639</v>
      </c>
      <c r="F134" s="3" t="s">
        <v>640</v>
      </c>
      <c r="G134" s="3" t="s">
        <v>641</v>
      </c>
      <c r="H134" s="3" t="s">
        <v>642</v>
      </c>
      <c r="I134" s="3" t="s">
        <v>643</v>
      </c>
    </row>
    <row r="135" spans="1:9" x14ac:dyDescent="0.25">
      <c r="A135" s="4" t="s">
        <v>644</v>
      </c>
      <c r="B135" s="6" t="s">
        <v>645</v>
      </c>
      <c r="C135" s="2" t="s">
        <v>64</v>
      </c>
      <c r="D135" s="2" t="s">
        <v>64</v>
      </c>
      <c r="E135" s="2" t="s">
        <v>646</v>
      </c>
      <c r="F135" s="2" t="s">
        <v>64</v>
      </c>
      <c r="G135" s="2" t="s">
        <v>646</v>
      </c>
      <c r="H135" s="2" t="s">
        <v>64</v>
      </c>
      <c r="I135" s="2" t="s">
        <v>647</v>
      </c>
    </row>
    <row r="136" spans="1:9" x14ac:dyDescent="0.25">
      <c r="A136" s="4" t="s">
        <v>648</v>
      </c>
      <c r="B136" s="6" t="s">
        <v>649</v>
      </c>
      <c r="C136" s="2" t="s">
        <v>64</v>
      </c>
      <c r="D136" s="2" t="s">
        <v>64</v>
      </c>
      <c r="E136" s="2" t="s">
        <v>64</v>
      </c>
      <c r="F136" s="2" t="s">
        <v>64</v>
      </c>
      <c r="G136" s="2" t="s">
        <v>64</v>
      </c>
      <c r="H136" s="2" t="s">
        <v>64</v>
      </c>
      <c r="I136" s="2" t="s">
        <v>64</v>
      </c>
    </row>
    <row r="137" spans="1:9" x14ac:dyDescent="0.25">
      <c r="A137" s="4" t="s">
        <v>650</v>
      </c>
      <c r="B137" s="6" t="s">
        <v>651</v>
      </c>
      <c r="C137" s="2" t="s">
        <v>64</v>
      </c>
      <c r="D137" s="2" t="s">
        <v>64</v>
      </c>
      <c r="E137" s="2" t="s">
        <v>64</v>
      </c>
      <c r="F137" s="2" t="s">
        <v>64</v>
      </c>
      <c r="G137" s="2" t="s">
        <v>64</v>
      </c>
      <c r="H137" s="2" t="s">
        <v>64</v>
      </c>
      <c r="I137" s="2" t="s">
        <v>64</v>
      </c>
    </row>
    <row r="138" spans="1:9" x14ac:dyDescent="0.25">
      <c r="A138" s="4" t="s">
        <v>652</v>
      </c>
      <c r="B138" s="6" t="s">
        <v>653</v>
      </c>
      <c r="C138" s="2" t="s">
        <v>64</v>
      </c>
      <c r="D138" s="2" t="s">
        <v>64</v>
      </c>
      <c r="E138" s="2" t="s">
        <v>64</v>
      </c>
      <c r="F138" s="2" t="s">
        <v>64</v>
      </c>
      <c r="G138" s="2" t="s">
        <v>64</v>
      </c>
      <c r="H138" s="2" t="s">
        <v>64</v>
      </c>
      <c r="I138" s="2" t="s">
        <v>64</v>
      </c>
    </row>
    <row r="139" spans="1:9" x14ac:dyDescent="0.25">
      <c r="A139" s="4" t="s">
        <v>654</v>
      </c>
      <c r="B139" s="6" t="s">
        <v>655</v>
      </c>
      <c r="C139" s="2" t="s">
        <v>64</v>
      </c>
      <c r="D139" s="2" t="s">
        <v>64</v>
      </c>
      <c r="E139" s="2" t="s">
        <v>64</v>
      </c>
      <c r="F139" s="2" t="s">
        <v>64</v>
      </c>
      <c r="G139" s="2" t="s">
        <v>64</v>
      </c>
      <c r="H139" s="2" t="s">
        <v>64</v>
      </c>
      <c r="I139" s="2" t="s">
        <v>64</v>
      </c>
    </row>
    <row r="140" spans="1:9" x14ac:dyDescent="0.25">
      <c r="A140" s="4" t="s">
        <v>656</v>
      </c>
      <c r="B140" s="6" t="s">
        <v>657</v>
      </c>
      <c r="C140" s="2" t="s">
        <v>638</v>
      </c>
      <c r="D140" s="2" t="s">
        <v>638</v>
      </c>
      <c r="E140" s="2" t="s">
        <v>658</v>
      </c>
      <c r="F140" s="2" t="s">
        <v>659</v>
      </c>
      <c r="G140" s="2" t="s">
        <v>660</v>
      </c>
      <c r="H140" s="2" t="s">
        <v>661</v>
      </c>
      <c r="I140" s="2" t="s">
        <v>662</v>
      </c>
    </row>
    <row r="141" spans="1:9" x14ac:dyDescent="0.25">
      <c r="A141" s="4" t="s">
        <v>663</v>
      </c>
      <c r="B141" s="6" t="s">
        <v>664</v>
      </c>
      <c r="C141" s="2" t="s">
        <v>64</v>
      </c>
      <c r="D141" s="2" t="s">
        <v>64</v>
      </c>
      <c r="E141" s="2" t="s">
        <v>64</v>
      </c>
      <c r="F141" s="2" t="s">
        <v>64</v>
      </c>
      <c r="G141" s="2" t="s">
        <v>64</v>
      </c>
      <c r="H141" s="2" t="s">
        <v>64</v>
      </c>
      <c r="I141" s="2" t="s">
        <v>64</v>
      </c>
    </row>
    <row r="142" spans="1:9" x14ac:dyDescent="0.25">
      <c r="A142" s="4" t="s">
        <v>665</v>
      </c>
      <c r="B142" s="6" t="s">
        <v>666</v>
      </c>
      <c r="C142" s="2" t="s">
        <v>64</v>
      </c>
      <c r="D142" s="2" t="s">
        <v>64</v>
      </c>
      <c r="E142" s="2" t="s">
        <v>64</v>
      </c>
      <c r="F142" s="2" t="s">
        <v>64</v>
      </c>
      <c r="G142" s="2" t="s">
        <v>64</v>
      </c>
      <c r="H142" s="2" t="s">
        <v>64</v>
      </c>
      <c r="I142" s="2" t="s">
        <v>64</v>
      </c>
    </row>
    <row r="143" spans="1:9" x14ac:dyDescent="0.25">
      <c r="A143" s="4" t="s">
        <v>667</v>
      </c>
      <c r="B143" s="6" t="s">
        <v>668</v>
      </c>
      <c r="C143" s="2" t="s">
        <v>64</v>
      </c>
      <c r="D143" s="2" t="s">
        <v>64</v>
      </c>
      <c r="E143" s="2" t="s">
        <v>64</v>
      </c>
      <c r="F143" s="2" t="s">
        <v>64</v>
      </c>
      <c r="G143" s="2" t="s">
        <v>64</v>
      </c>
      <c r="H143" s="2" t="s">
        <v>64</v>
      </c>
      <c r="I143" s="2" t="s">
        <v>64</v>
      </c>
    </row>
    <row r="144" spans="1:9" x14ac:dyDescent="0.25">
      <c r="A144" s="5" t="s">
        <v>669</v>
      </c>
      <c r="B144" s="7" t="s">
        <v>670</v>
      </c>
      <c r="C144" s="3" t="s">
        <v>64</v>
      </c>
      <c r="D144" s="3" t="s">
        <v>64</v>
      </c>
      <c r="E144" s="3" t="s">
        <v>64</v>
      </c>
      <c r="F144" s="3" t="s">
        <v>64</v>
      </c>
      <c r="G144" s="3" t="s">
        <v>64</v>
      </c>
      <c r="H144" s="3" t="s">
        <v>64</v>
      </c>
      <c r="I144" s="3" t="s">
        <v>64</v>
      </c>
    </row>
    <row r="145" spans="1:9" x14ac:dyDescent="0.25">
      <c r="A145" s="4" t="s">
        <v>671</v>
      </c>
      <c r="B145" s="6" t="s">
        <v>672</v>
      </c>
      <c r="C145" s="2" t="s">
        <v>64</v>
      </c>
      <c r="D145" s="2" t="s">
        <v>64</v>
      </c>
      <c r="E145" s="2" t="s">
        <v>64</v>
      </c>
      <c r="F145" s="2" t="s">
        <v>64</v>
      </c>
      <c r="G145" s="2" t="s">
        <v>64</v>
      </c>
      <c r="H145" s="2" t="s">
        <v>64</v>
      </c>
      <c r="I145" s="2" t="s">
        <v>64</v>
      </c>
    </row>
    <row r="146" spans="1:9" x14ac:dyDescent="0.25">
      <c r="A146" s="4" t="s">
        <v>673</v>
      </c>
      <c r="B146" s="6" t="s">
        <v>674</v>
      </c>
      <c r="C146" s="2" t="s">
        <v>64</v>
      </c>
      <c r="D146" s="2" t="s">
        <v>64</v>
      </c>
      <c r="E146" s="2" t="s">
        <v>64</v>
      </c>
      <c r="F146" s="2" t="s">
        <v>64</v>
      </c>
      <c r="G146" s="2" t="s">
        <v>64</v>
      </c>
      <c r="H146" s="2" t="s">
        <v>64</v>
      </c>
      <c r="I146" s="2" t="s">
        <v>64</v>
      </c>
    </row>
    <row r="147" spans="1:9" x14ac:dyDescent="0.25">
      <c r="A147" s="4" t="s">
        <v>675</v>
      </c>
      <c r="B147" s="6" t="s">
        <v>676</v>
      </c>
      <c r="C147" s="2" t="s">
        <v>64</v>
      </c>
      <c r="D147" s="2" t="s">
        <v>64</v>
      </c>
      <c r="E147" s="2" t="s">
        <v>64</v>
      </c>
      <c r="F147" s="2" t="s">
        <v>64</v>
      </c>
      <c r="G147" s="2" t="s">
        <v>64</v>
      </c>
      <c r="H147" s="2" t="s">
        <v>64</v>
      </c>
      <c r="I147" s="2" t="s">
        <v>64</v>
      </c>
    </row>
    <row r="148" spans="1:9" x14ac:dyDescent="0.25">
      <c r="A148" s="4" t="s">
        <v>677</v>
      </c>
      <c r="B148" s="6" t="s">
        <v>678</v>
      </c>
      <c r="C148" s="2" t="s">
        <v>64</v>
      </c>
      <c r="D148" s="2" t="s">
        <v>64</v>
      </c>
      <c r="E148" s="2" t="s">
        <v>64</v>
      </c>
      <c r="F148" s="2" t="s">
        <v>64</v>
      </c>
      <c r="G148" s="2" t="s">
        <v>64</v>
      </c>
      <c r="H148" s="2" t="s">
        <v>64</v>
      </c>
      <c r="I148" s="2" t="s">
        <v>64</v>
      </c>
    </row>
    <row r="149" spans="1:9" x14ac:dyDescent="0.25">
      <c r="A149" s="4" t="s">
        <v>679</v>
      </c>
      <c r="B149" s="6" t="s">
        <v>680</v>
      </c>
      <c r="C149" s="2" t="s">
        <v>64</v>
      </c>
      <c r="D149" s="2" t="s">
        <v>64</v>
      </c>
      <c r="E149" s="2" t="s">
        <v>64</v>
      </c>
      <c r="F149" s="2" t="s">
        <v>64</v>
      </c>
      <c r="G149" s="2" t="s">
        <v>64</v>
      </c>
      <c r="H149" s="2" t="s">
        <v>64</v>
      </c>
      <c r="I149" s="2" t="s">
        <v>64</v>
      </c>
    </row>
    <row r="150" spans="1:9" x14ac:dyDescent="0.25">
      <c r="A150" s="5" t="s">
        <v>681</v>
      </c>
      <c r="B150" s="7" t="s">
        <v>682</v>
      </c>
      <c r="C150" s="3" t="s">
        <v>64</v>
      </c>
      <c r="D150" s="3" t="s">
        <v>64</v>
      </c>
      <c r="E150" s="3" t="s">
        <v>64</v>
      </c>
      <c r="F150" s="3" t="s">
        <v>64</v>
      </c>
      <c r="G150" s="3" t="s">
        <v>64</v>
      </c>
      <c r="H150" s="3" t="s">
        <v>64</v>
      </c>
      <c r="I150" s="3" t="s">
        <v>64</v>
      </c>
    </row>
    <row r="151" spans="1:9" x14ac:dyDescent="0.25">
      <c r="A151" s="4" t="s">
        <v>683</v>
      </c>
      <c r="B151" s="6" t="s">
        <v>684</v>
      </c>
      <c r="C151" s="2" t="s">
        <v>64</v>
      </c>
      <c r="D151" s="2" t="s">
        <v>64</v>
      </c>
      <c r="E151" s="2" t="s">
        <v>64</v>
      </c>
      <c r="F151" s="2" t="s">
        <v>64</v>
      </c>
      <c r="G151" s="2" t="s">
        <v>64</v>
      </c>
      <c r="H151" s="2" t="s">
        <v>64</v>
      </c>
      <c r="I151" s="2" t="s">
        <v>64</v>
      </c>
    </row>
    <row r="152" spans="1:9" x14ac:dyDescent="0.25">
      <c r="A152" s="4" t="s">
        <v>685</v>
      </c>
      <c r="B152" s="6" t="s">
        <v>686</v>
      </c>
      <c r="C152" s="2" t="s">
        <v>64</v>
      </c>
      <c r="D152" s="2" t="s">
        <v>64</v>
      </c>
      <c r="E152" s="2" t="s">
        <v>64</v>
      </c>
      <c r="F152" s="2" t="s">
        <v>64</v>
      </c>
      <c r="G152" s="2" t="s">
        <v>64</v>
      </c>
      <c r="H152" s="2" t="s">
        <v>64</v>
      </c>
      <c r="I152" s="2" t="s">
        <v>64</v>
      </c>
    </row>
    <row r="153" spans="1:9" x14ac:dyDescent="0.25">
      <c r="A153" s="4" t="s">
        <v>687</v>
      </c>
      <c r="B153" s="6" t="s">
        <v>688</v>
      </c>
      <c r="C153" s="2" t="s">
        <v>64</v>
      </c>
      <c r="D153" s="2" t="s">
        <v>64</v>
      </c>
      <c r="E153" s="2" t="s">
        <v>64</v>
      </c>
      <c r="F153" s="2" t="s">
        <v>64</v>
      </c>
      <c r="G153" s="2" t="s">
        <v>64</v>
      </c>
      <c r="H153" s="2" t="s">
        <v>64</v>
      </c>
      <c r="I153" s="2" t="s">
        <v>64</v>
      </c>
    </row>
    <row r="154" spans="1:9" x14ac:dyDescent="0.25">
      <c r="A154" s="4" t="s">
        <v>689</v>
      </c>
      <c r="B154" s="6" t="s">
        <v>690</v>
      </c>
      <c r="C154" s="2" t="s">
        <v>64</v>
      </c>
      <c r="D154" s="2" t="s">
        <v>64</v>
      </c>
      <c r="E154" s="2" t="s">
        <v>64</v>
      </c>
      <c r="F154" s="2" t="s">
        <v>64</v>
      </c>
      <c r="G154" s="2" t="s">
        <v>64</v>
      </c>
      <c r="H154" s="2" t="s">
        <v>64</v>
      </c>
      <c r="I154" s="2" t="s">
        <v>64</v>
      </c>
    </row>
    <row r="155" spans="1:9" x14ac:dyDescent="0.25">
      <c r="A155" s="4" t="s">
        <v>691</v>
      </c>
      <c r="B155" s="6" t="s">
        <v>692</v>
      </c>
      <c r="C155" s="2" t="s">
        <v>64</v>
      </c>
      <c r="D155" s="2" t="s">
        <v>64</v>
      </c>
      <c r="E155" s="2" t="s">
        <v>64</v>
      </c>
      <c r="F155" s="2" t="s">
        <v>64</v>
      </c>
      <c r="G155" s="2" t="s">
        <v>64</v>
      </c>
      <c r="H155" s="2" t="s">
        <v>64</v>
      </c>
      <c r="I155" s="2" t="s">
        <v>64</v>
      </c>
    </row>
    <row r="156" spans="1:9" x14ac:dyDescent="0.25">
      <c r="A156" s="4" t="s">
        <v>693</v>
      </c>
      <c r="B156" s="6" t="s">
        <v>694</v>
      </c>
      <c r="C156" s="2" t="s">
        <v>64</v>
      </c>
      <c r="D156" s="2" t="s">
        <v>64</v>
      </c>
      <c r="E156" s="2" t="s">
        <v>64</v>
      </c>
      <c r="F156" s="2" t="s">
        <v>64</v>
      </c>
      <c r="G156" s="2" t="s">
        <v>64</v>
      </c>
      <c r="H156" s="2" t="s">
        <v>64</v>
      </c>
      <c r="I156" s="2" t="s">
        <v>64</v>
      </c>
    </row>
    <row r="157" spans="1:9" x14ac:dyDescent="0.25">
      <c r="A157" s="4" t="s">
        <v>695</v>
      </c>
      <c r="B157" s="6" t="s">
        <v>696</v>
      </c>
      <c r="C157" s="2" t="s">
        <v>64</v>
      </c>
      <c r="D157" s="2" t="s">
        <v>64</v>
      </c>
      <c r="E157" s="2" t="s">
        <v>64</v>
      </c>
      <c r="F157" s="2" t="s">
        <v>64</v>
      </c>
      <c r="G157" s="2" t="s">
        <v>64</v>
      </c>
      <c r="H157" s="2" t="s">
        <v>64</v>
      </c>
      <c r="I157" s="2" t="s">
        <v>64</v>
      </c>
    </row>
    <row r="158" spans="1:9" x14ac:dyDescent="0.25">
      <c r="A158" s="4" t="s">
        <v>697</v>
      </c>
      <c r="B158" s="6" t="s">
        <v>698</v>
      </c>
      <c r="C158" s="2" t="s">
        <v>64</v>
      </c>
      <c r="D158" s="2" t="s">
        <v>64</v>
      </c>
      <c r="E158" s="2" t="s">
        <v>64</v>
      </c>
      <c r="F158" s="2" t="s">
        <v>64</v>
      </c>
      <c r="G158" s="2" t="s">
        <v>64</v>
      </c>
      <c r="H158" s="2" t="s">
        <v>64</v>
      </c>
      <c r="I158" s="2" t="s">
        <v>64</v>
      </c>
    </row>
    <row r="159" spans="1:9" x14ac:dyDescent="0.25">
      <c r="A159" s="5" t="s">
        <v>699</v>
      </c>
      <c r="B159" s="7" t="s">
        <v>700</v>
      </c>
      <c r="C159" s="3" t="s">
        <v>701</v>
      </c>
      <c r="D159" s="3" t="s">
        <v>702</v>
      </c>
      <c r="E159" s="3" t="s">
        <v>703</v>
      </c>
      <c r="F159" s="3" t="s">
        <v>704</v>
      </c>
      <c r="G159" s="3" t="s">
        <v>705</v>
      </c>
      <c r="H159" s="3" t="s">
        <v>706</v>
      </c>
      <c r="I159" s="3" t="s">
        <v>707</v>
      </c>
    </row>
    <row r="160" spans="1:9" x14ac:dyDescent="0.25">
      <c r="A160" s="4" t="s">
        <v>708</v>
      </c>
      <c r="B160" s="6" t="s">
        <v>709</v>
      </c>
      <c r="C160" s="2" t="s">
        <v>64</v>
      </c>
      <c r="D160" s="2" t="s">
        <v>64</v>
      </c>
      <c r="E160" s="2" t="s">
        <v>64</v>
      </c>
      <c r="F160" s="2" t="s">
        <v>64</v>
      </c>
      <c r="G160" s="2" t="s">
        <v>64</v>
      </c>
      <c r="H160" s="2" t="s">
        <v>64</v>
      </c>
      <c r="I160" s="2" t="s">
        <v>64</v>
      </c>
    </row>
    <row r="161" spans="1:9" x14ac:dyDescent="0.25">
      <c r="A161" s="4" t="s">
        <v>710</v>
      </c>
      <c r="B161" s="6" t="s">
        <v>711</v>
      </c>
      <c r="C161" s="2" t="s">
        <v>64</v>
      </c>
      <c r="D161" s="2" t="s">
        <v>64</v>
      </c>
      <c r="E161" s="2" t="s">
        <v>64</v>
      </c>
      <c r="F161" s="2" t="s">
        <v>64</v>
      </c>
      <c r="G161" s="2" t="s">
        <v>64</v>
      </c>
      <c r="H161" s="2" t="s">
        <v>64</v>
      </c>
      <c r="I161" s="2" t="s">
        <v>64</v>
      </c>
    </row>
    <row r="162" spans="1:9" x14ac:dyDescent="0.25">
      <c r="A162" s="4" t="s">
        <v>712</v>
      </c>
      <c r="B162" s="6" t="s">
        <v>713</v>
      </c>
      <c r="C162" s="2" t="s">
        <v>64</v>
      </c>
      <c r="D162" s="2" t="s">
        <v>64</v>
      </c>
      <c r="E162" s="2" t="s">
        <v>64</v>
      </c>
      <c r="F162" s="2" t="s">
        <v>64</v>
      </c>
      <c r="G162" s="2" t="s">
        <v>64</v>
      </c>
      <c r="H162" s="2" t="s">
        <v>64</v>
      </c>
      <c r="I162" s="2" t="s">
        <v>64</v>
      </c>
    </row>
    <row r="163" spans="1:9" x14ac:dyDescent="0.25">
      <c r="A163" s="4" t="s">
        <v>714</v>
      </c>
      <c r="B163" s="6" t="s">
        <v>715</v>
      </c>
      <c r="C163" s="2" t="s">
        <v>701</v>
      </c>
      <c r="D163" s="2" t="s">
        <v>702</v>
      </c>
      <c r="E163" s="2" t="s">
        <v>703</v>
      </c>
      <c r="F163" s="2" t="s">
        <v>704</v>
      </c>
      <c r="G163" s="2" t="s">
        <v>705</v>
      </c>
      <c r="H163" s="2" t="s">
        <v>706</v>
      </c>
      <c r="I163" s="2" t="s">
        <v>707</v>
      </c>
    </row>
    <row r="164" spans="1:9" x14ac:dyDescent="0.25">
      <c r="A164" s="5" t="s">
        <v>716</v>
      </c>
      <c r="B164" s="7" t="s">
        <v>717</v>
      </c>
      <c r="C164" s="3" t="s">
        <v>64</v>
      </c>
      <c r="D164" s="3" t="s">
        <v>64</v>
      </c>
      <c r="E164" s="3" t="s">
        <v>64</v>
      </c>
      <c r="F164" s="3" t="s">
        <v>64</v>
      </c>
      <c r="G164" s="3" t="s">
        <v>64</v>
      </c>
      <c r="H164" s="3" t="s">
        <v>64</v>
      </c>
      <c r="I164" s="3" t="s">
        <v>64</v>
      </c>
    </row>
    <row r="165" spans="1:9" x14ac:dyDescent="0.25">
      <c r="A165" s="5" t="s">
        <v>718</v>
      </c>
      <c r="B165" s="7" t="s">
        <v>719</v>
      </c>
      <c r="C165" s="3" t="s">
        <v>64</v>
      </c>
      <c r="D165" s="3" t="s">
        <v>64</v>
      </c>
      <c r="E165" s="3" t="s">
        <v>64</v>
      </c>
      <c r="F165" s="3" t="s">
        <v>64</v>
      </c>
      <c r="G165" s="3" t="s">
        <v>64</v>
      </c>
      <c r="H165" s="3" t="s">
        <v>64</v>
      </c>
      <c r="I165" s="3" t="s">
        <v>64</v>
      </c>
    </row>
    <row r="166" spans="1:9" x14ac:dyDescent="0.25">
      <c r="A166" s="4" t="s">
        <v>720</v>
      </c>
      <c r="B166" s="6" t="s">
        <v>721</v>
      </c>
      <c r="C166" s="2" t="s">
        <v>64</v>
      </c>
      <c r="D166" s="2" t="s">
        <v>64</v>
      </c>
      <c r="E166" s="2" t="s">
        <v>64</v>
      </c>
      <c r="F166" s="2" t="s">
        <v>64</v>
      </c>
      <c r="G166" s="2" t="s">
        <v>64</v>
      </c>
      <c r="H166" s="2" t="s">
        <v>64</v>
      </c>
      <c r="I166" s="2" t="s">
        <v>64</v>
      </c>
    </row>
    <row r="167" spans="1:9" x14ac:dyDescent="0.25">
      <c r="A167" s="4" t="s">
        <v>722</v>
      </c>
      <c r="B167" s="6" t="s">
        <v>723</v>
      </c>
      <c r="C167" s="2" t="s">
        <v>64</v>
      </c>
      <c r="D167" s="2" t="s">
        <v>64</v>
      </c>
      <c r="E167" s="2" t="s">
        <v>64</v>
      </c>
      <c r="F167" s="2" t="s">
        <v>64</v>
      </c>
      <c r="G167" s="2" t="s">
        <v>64</v>
      </c>
      <c r="H167" s="2" t="s">
        <v>64</v>
      </c>
      <c r="I167" s="2" t="s">
        <v>64</v>
      </c>
    </row>
    <row r="168" spans="1:9" x14ac:dyDescent="0.25">
      <c r="A168" s="5" t="s">
        <v>724</v>
      </c>
      <c r="B168" s="7" t="s">
        <v>725</v>
      </c>
      <c r="C168" s="3" t="s">
        <v>64</v>
      </c>
      <c r="D168" s="3" t="s">
        <v>64</v>
      </c>
      <c r="E168" s="3" t="s">
        <v>64</v>
      </c>
      <c r="F168" s="3" t="s">
        <v>64</v>
      </c>
      <c r="G168" s="3" t="s">
        <v>64</v>
      </c>
      <c r="H168" s="3" t="s">
        <v>64</v>
      </c>
      <c r="I168" s="3" t="s">
        <v>64</v>
      </c>
    </row>
    <row r="169" spans="1:9" x14ac:dyDescent="0.25">
      <c r="A169" s="4" t="s">
        <v>726</v>
      </c>
      <c r="B169" s="6" t="s">
        <v>727</v>
      </c>
      <c r="C169" s="2" t="s">
        <v>64</v>
      </c>
      <c r="D169" s="2" t="s">
        <v>64</v>
      </c>
      <c r="E169" s="2" t="s">
        <v>64</v>
      </c>
      <c r="F169" s="2" t="s">
        <v>64</v>
      </c>
      <c r="G169" s="2" t="s">
        <v>64</v>
      </c>
      <c r="H169" s="2" t="s">
        <v>64</v>
      </c>
      <c r="I169" s="2" t="s">
        <v>64</v>
      </c>
    </row>
    <row r="170" spans="1:9" x14ac:dyDescent="0.25">
      <c r="A170" s="4" t="s">
        <v>728</v>
      </c>
      <c r="B170" s="6" t="s">
        <v>729</v>
      </c>
      <c r="C170" s="2" t="s">
        <v>64</v>
      </c>
      <c r="D170" s="2" t="s">
        <v>64</v>
      </c>
      <c r="E170" s="2" t="s">
        <v>64</v>
      </c>
      <c r="F170" s="2" t="s">
        <v>64</v>
      </c>
      <c r="G170" s="2" t="s">
        <v>64</v>
      </c>
      <c r="H170" s="2" t="s">
        <v>64</v>
      </c>
      <c r="I170" s="2" t="s">
        <v>64</v>
      </c>
    </row>
    <row r="171" spans="1:9" x14ac:dyDescent="0.25">
      <c r="A171" s="4" t="s">
        <v>730</v>
      </c>
      <c r="B171" s="6" t="s">
        <v>731</v>
      </c>
      <c r="C171" s="2" t="s">
        <v>64</v>
      </c>
      <c r="D171" s="2" t="s">
        <v>64</v>
      </c>
      <c r="E171" s="2" t="s">
        <v>64</v>
      </c>
      <c r="F171" s="2" t="s">
        <v>64</v>
      </c>
      <c r="G171" s="2" t="s">
        <v>64</v>
      </c>
      <c r="H171" s="2" t="s">
        <v>64</v>
      </c>
      <c r="I171" s="2" t="s">
        <v>64</v>
      </c>
    </row>
    <row r="172" spans="1:9" x14ac:dyDescent="0.25">
      <c r="A172" s="4" t="s">
        <v>732</v>
      </c>
      <c r="B172" s="6" t="s">
        <v>733</v>
      </c>
      <c r="C172" s="2" t="s">
        <v>64</v>
      </c>
      <c r="D172" s="2" t="s">
        <v>64</v>
      </c>
      <c r="E172" s="2" t="s">
        <v>64</v>
      </c>
      <c r="F172" s="2" t="s">
        <v>64</v>
      </c>
      <c r="G172" s="2" t="s">
        <v>64</v>
      </c>
      <c r="H172" s="2" t="s">
        <v>64</v>
      </c>
      <c r="I172" s="2" t="s">
        <v>64</v>
      </c>
    </row>
    <row r="173" spans="1:9" x14ac:dyDescent="0.25">
      <c r="A173" s="5" t="s">
        <v>734</v>
      </c>
      <c r="B173" s="7" t="s">
        <v>735</v>
      </c>
      <c r="C173" s="3" t="s">
        <v>64</v>
      </c>
      <c r="D173" s="3" t="s">
        <v>64</v>
      </c>
      <c r="E173" s="3" t="s">
        <v>64</v>
      </c>
      <c r="F173" s="3" t="s">
        <v>64</v>
      </c>
      <c r="G173" s="3" t="s">
        <v>64</v>
      </c>
      <c r="H173" s="3" t="s">
        <v>64</v>
      </c>
      <c r="I173" s="3" t="s">
        <v>64</v>
      </c>
    </row>
    <row r="174" spans="1:9" x14ac:dyDescent="0.25">
      <c r="A174" s="4" t="s">
        <v>736</v>
      </c>
      <c r="B174" s="6" t="s">
        <v>684</v>
      </c>
      <c r="C174" s="2" t="s">
        <v>64</v>
      </c>
      <c r="D174" s="2" t="s">
        <v>64</v>
      </c>
      <c r="E174" s="2" t="s">
        <v>64</v>
      </c>
      <c r="F174" s="2" t="s">
        <v>64</v>
      </c>
      <c r="G174" s="2" t="s">
        <v>64</v>
      </c>
      <c r="H174" s="2" t="s">
        <v>64</v>
      </c>
      <c r="I174" s="2" t="s">
        <v>64</v>
      </c>
    </row>
    <row r="175" spans="1:9" x14ac:dyDescent="0.25">
      <c r="A175" s="4" t="s">
        <v>737</v>
      </c>
      <c r="B175" s="6" t="s">
        <v>686</v>
      </c>
      <c r="C175" s="2" t="s">
        <v>64</v>
      </c>
      <c r="D175" s="2" t="s">
        <v>64</v>
      </c>
      <c r="E175" s="2" t="s">
        <v>64</v>
      </c>
      <c r="F175" s="2" t="s">
        <v>64</v>
      </c>
      <c r="G175" s="2" t="s">
        <v>64</v>
      </c>
      <c r="H175" s="2" t="s">
        <v>64</v>
      </c>
      <c r="I175" s="2" t="s">
        <v>64</v>
      </c>
    </row>
    <row r="176" spans="1:9" x14ac:dyDescent="0.25">
      <c r="A176" s="4" t="s">
        <v>738</v>
      </c>
      <c r="B176" s="6" t="s">
        <v>688</v>
      </c>
      <c r="C176" s="2" t="s">
        <v>64</v>
      </c>
      <c r="D176" s="2" t="s">
        <v>64</v>
      </c>
      <c r="E176" s="2" t="s">
        <v>64</v>
      </c>
      <c r="F176" s="2" t="s">
        <v>64</v>
      </c>
      <c r="G176" s="2" t="s">
        <v>64</v>
      </c>
      <c r="H176" s="2" t="s">
        <v>64</v>
      </c>
      <c r="I176" s="2" t="s">
        <v>64</v>
      </c>
    </row>
    <row r="177" spans="1:11" x14ac:dyDescent="0.25">
      <c r="A177" s="4" t="s">
        <v>739</v>
      </c>
      <c r="B177" s="6" t="s">
        <v>690</v>
      </c>
      <c r="C177" s="2" t="s">
        <v>64</v>
      </c>
      <c r="D177" s="2" t="s">
        <v>64</v>
      </c>
      <c r="E177" s="2" t="s">
        <v>64</v>
      </c>
      <c r="F177" s="2" t="s">
        <v>64</v>
      </c>
      <c r="G177" s="2" t="s">
        <v>64</v>
      </c>
      <c r="H177" s="2" t="s">
        <v>64</v>
      </c>
      <c r="I177" s="2" t="s">
        <v>64</v>
      </c>
    </row>
    <row r="178" spans="1:11" x14ac:dyDescent="0.25">
      <c r="A178" s="4" t="s">
        <v>740</v>
      </c>
      <c r="B178" s="6" t="s">
        <v>692</v>
      </c>
      <c r="C178" s="2" t="s">
        <v>64</v>
      </c>
      <c r="D178" s="2" t="s">
        <v>64</v>
      </c>
      <c r="E178" s="2" t="s">
        <v>64</v>
      </c>
      <c r="F178" s="2" t="s">
        <v>64</v>
      </c>
      <c r="G178" s="2" t="s">
        <v>64</v>
      </c>
      <c r="H178" s="2" t="s">
        <v>64</v>
      </c>
      <c r="I178" s="2" t="s">
        <v>64</v>
      </c>
    </row>
    <row r="179" spans="1:11" x14ac:dyDescent="0.25">
      <c r="A179" s="4" t="s">
        <v>741</v>
      </c>
      <c r="B179" s="6" t="s">
        <v>694</v>
      </c>
      <c r="C179" s="2" t="s">
        <v>64</v>
      </c>
      <c r="D179" s="2" t="s">
        <v>64</v>
      </c>
      <c r="E179" s="2" t="s">
        <v>64</v>
      </c>
      <c r="F179" s="2" t="s">
        <v>64</v>
      </c>
      <c r="G179" s="2" t="s">
        <v>64</v>
      </c>
      <c r="H179" s="2" t="s">
        <v>64</v>
      </c>
      <c r="I179" s="2" t="s">
        <v>64</v>
      </c>
    </row>
    <row r="180" spans="1:11" x14ac:dyDescent="0.25">
      <c r="A180" s="4" t="s">
        <v>742</v>
      </c>
      <c r="B180" s="6" t="s">
        <v>696</v>
      </c>
      <c r="C180" s="2" t="s">
        <v>64</v>
      </c>
      <c r="D180" s="2" t="s">
        <v>64</v>
      </c>
      <c r="E180" s="2" t="s">
        <v>64</v>
      </c>
      <c r="F180" s="2" t="s">
        <v>64</v>
      </c>
      <c r="G180" s="2" t="s">
        <v>64</v>
      </c>
      <c r="H180" s="2" t="s">
        <v>64</v>
      </c>
      <c r="I180" s="2" t="s">
        <v>64</v>
      </c>
    </row>
    <row r="181" spans="1:11" x14ac:dyDescent="0.25">
      <c r="A181" s="4" t="s">
        <v>743</v>
      </c>
      <c r="B181" s="6" t="s">
        <v>698</v>
      </c>
      <c r="C181" s="2" t="s">
        <v>64</v>
      </c>
      <c r="D181" s="2" t="s">
        <v>64</v>
      </c>
      <c r="E181" s="2" t="s">
        <v>64</v>
      </c>
      <c r="F181" s="2" t="s">
        <v>64</v>
      </c>
      <c r="G181" s="2" t="s">
        <v>64</v>
      </c>
      <c r="H181" s="2" t="s">
        <v>64</v>
      </c>
      <c r="I181" s="2" t="s">
        <v>64</v>
      </c>
    </row>
    <row r="182" spans="1:11" x14ac:dyDescent="0.25">
      <c r="A182" s="5" t="s">
        <v>744</v>
      </c>
      <c r="B182" s="7" t="s">
        <v>745</v>
      </c>
      <c r="C182" s="3" t="s">
        <v>64</v>
      </c>
      <c r="D182" s="3" t="s">
        <v>64</v>
      </c>
      <c r="E182" s="3" t="s">
        <v>64</v>
      </c>
      <c r="F182" s="3" t="s">
        <v>64</v>
      </c>
      <c r="G182" s="3" t="s">
        <v>64</v>
      </c>
      <c r="H182" s="3" t="s">
        <v>64</v>
      </c>
      <c r="I182" s="3" t="s">
        <v>64</v>
      </c>
    </row>
    <row r="183" spans="1:11" x14ac:dyDescent="0.25">
      <c r="A183" s="4" t="s">
        <v>746</v>
      </c>
      <c r="B183" s="6" t="s">
        <v>747</v>
      </c>
      <c r="C183" s="2" t="s">
        <v>64</v>
      </c>
      <c r="D183" s="2" t="s">
        <v>64</v>
      </c>
      <c r="E183" s="2" t="s">
        <v>64</v>
      </c>
      <c r="F183" s="2" t="s">
        <v>64</v>
      </c>
      <c r="G183" s="2" t="s">
        <v>64</v>
      </c>
      <c r="H183" s="2" t="s">
        <v>64</v>
      </c>
      <c r="I183" s="2" t="s">
        <v>64</v>
      </c>
    </row>
    <row r="184" spans="1:11" x14ac:dyDescent="0.25">
      <c r="A184" s="4" t="s">
        <v>748</v>
      </c>
      <c r="B184" s="6" t="s">
        <v>749</v>
      </c>
      <c r="C184" s="2" t="s">
        <v>64</v>
      </c>
      <c r="D184" s="2" t="s">
        <v>64</v>
      </c>
      <c r="E184" s="2" t="s">
        <v>64</v>
      </c>
      <c r="F184" s="2" t="s">
        <v>64</v>
      </c>
      <c r="G184" s="2" t="s">
        <v>64</v>
      </c>
      <c r="H184" s="2" t="s">
        <v>64</v>
      </c>
      <c r="I184" s="2" t="s">
        <v>64</v>
      </c>
    </row>
    <row r="185" spans="1:11" x14ac:dyDescent="0.25">
      <c r="A185" s="4" t="s">
        <v>750</v>
      </c>
      <c r="B185" s="6" t="s">
        <v>751</v>
      </c>
      <c r="C185" s="2" t="s">
        <v>64</v>
      </c>
      <c r="D185" s="2" t="s">
        <v>64</v>
      </c>
      <c r="E185" s="2" t="s">
        <v>64</v>
      </c>
      <c r="F185" s="2" t="s">
        <v>64</v>
      </c>
      <c r="G185" s="2" t="s">
        <v>64</v>
      </c>
      <c r="H185" s="2" t="s">
        <v>64</v>
      </c>
      <c r="I185" s="2" t="s">
        <v>64</v>
      </c>
    </row>
    <row r="186" spans="1:11" x14ac:dyDescent="0.25">
      <c r="A186" s="4" t="s">
        <v>752</v>
      </c>
      <c r="B186" s="6" t="s">
        <v>753</v>
      </c>
      <c r="C186" s="2" t="s">
        <v>64</v>
      </c>
      <c r="D186" s="2" t="s">
        <v>64</v>
      </c>
      <c r="E186" s="2" t="s">
        <v>64</v>
      </c>
      <c r="F186" s="2" t="s">
        <v>64</v>
      </c>
      <c r="G186" s="2" t="s">
        <v>64</v>
      </c>
      <c r="H186" s="2" t="s">
        <v>64</v>
      </c>
      <c r="I186" s="2" t="s">
        <v>64</v>
      </c>
    </row>
    <row r="188" spans="1:11" x14ac:dyDescent="0.25">
      <c r="A188" s="8" t="s">
        <v>6</v>
      </c>
      <c r="B188" s="8" t="s">
        <v>754</v>
      </c>
      <c r="C188" s="8" t="s">
        <v>436</v>
      </c>
      <c r="D188" s="8" t="s">
        <v>437</v>
      </c>
      <c r="E188" s="8" t="s">
        <v>438</v>
      </c>
      <c r="F188" s="8" t="s">
        <v>7</v>
      </c>
      <c r="G188" s="8" t="s">
        <v>441</v>
      </c>
      <c r="H188" s="8" t="s">
        <v>442</v>
      </c>
      <c r="I188" s="8" t="s">
        <v>7</v>
      </c>
      <c r="J188" s="8" t="s">
        <v>444</v>
      </c>
      <c r="K188" s="8" t="s">
        <v>445</v>
      </c>
    </row>
    <row r="189" spans="1:11" ht="21" x14ac:dyDescent="0.25">
      <c r="A189" s="8" t="s">
        <v>7</v>
      </c>
      <c r="B189" s="8" t="s">
        <v>7</v>
      </c>
      <c r="C189" s="8" t="s">
        <v>7</v>
      </c>
      <c r="D189" s="8" t="s">
        <v>7</v>
      </c>
      <c r="E189" s="1" t="s">
        <v>439</v>
      </c>
      <c r="F189" s="1" t="s">
        <v>440</v>
      </c>
      <c r="G189" s="8" t="s">
        <v>7</v>
      </c>
      <c r="H189" s="1" t="s">
        <v>439</v>
      </c>
      <c r="I189" s="1" t="s">
        <v>443</v>
      </c>
      <c r="J189" s="8" t="s">
        <v>7</v>
      </c>
      <c r="K189" s="8" t="s">
        <v>7</v>
      </c>
    </row>
    <row r="190" spans="1:11" x14ac:dyDescent="0.25">
      <c r="A190" s="5" t="s">
        <v>755</v>
      </c>
      <c r="B190" s="7" t="s">
        <v>756</v>
      </c>
      <c r="C190" s="3" t="s">
        <v>562</v>
      </c>
      <c r="D190" s="3" t="s">
        <v>563</v>
      </c>
      <c r="E190" s="3" t="s">
        <v>564</v>
      </c>
      <c r="F190" s="3" t="s">
        <v>565</v>
      </c>
      <c r="G190" s="3" t="s">
        <v>566</v>
      </c>
      <c r="H190" s="3" t="s">
        <v>567</v>
      </c>
      <c r="I190" s="3" t="s">
        <v>568</v>
      </c>
      <c r="J190" s="3" t="s">
        <v>569</v>
      </c>
      <c r="K190" s="3" t="s">
        <v>570</v>
      </c>
    </row>
    <row r="191" spans="1:11" x14ac:dyDescent="0.25">
      <c r="A191" s="5" t="s">
        <v>757</v>
      </c>
      <c r="B191" s="7" t="s">
        <v>758</v>
      </c>
      <c r="C191" s="3" t="s">
        <v>562</v>
      </c>
      <c r="D191" s="3" t="s">
        <v>563</v>
      </c>
      <c r="E191" s="3" t="s">
        <v>564</v>
      </c>
      <c r="F191" s="3" t="s">
        <v>565</v>
      </c>
      <c r="G191" s="3" t="s">
        <v>566</v>
      </c>
      <c r="H191" s="3" t="s">
        <v>567</v>
      </c>
      <c r="I191" s="3" t="s">
        <v>568</v>
      </c>
      <c r="J191" s="3" t="s">
        <v>569</v>
      </c>
      <c r="K191" s="3" t="s">
        <v>570</v>
      </c>
    </row>
    <row r="192" spans="1:11" x14ac:dyDescent="0.25">
      <c r="A192" s="4" t="s">
        <v>759</v>
      </c>
      <c r="B192" s="6" t="s">
        <v>760</v>
      </c>
      <c r="C192" s="2" t="s">
        <v>761</v>
      </c>
      <c r="D192" s="2" t="s">
        <v>762</v>
      </c>
      <c r="E192" s="2" t="s">
        <v>763</v>
      </c>
      <c r="F192" s="2" t="s">
        <v>764</v>
      </c>
      <c r="G192" s="2" t="s">
        <v>765</v>
      </c>
      <c r="H192" s="2" t="s">
        <v>766</v>
      </c>
      <c r="I192" s="2" t="s">
        <v>767</v>
      </c>
      <c r="J192" s="2" t="s">
        <v>768</v>
      </c>
      <c r="K192" s="2" t="s">
        <v>769</v>
      </c>
    </row>
    <row r="193" spans="1:11" x14ac:dyDescent="0.25">
      <c r="A193" s="4" t="s">
        <v>770</v>
      </c>
      <c r="B193" s="6" t="s">
        <v>771</v>
      </c>
      <c r="C193" s="2" t="s">
        <v>64</v>
      </c>
      <c r="D193" s="2" t="s">
        <v>64</v>
      </c>
      <c r="E193" s="2" t="s">
        <v>64</v>
      </c>
      <c r="F193" s="2" t="s">
        <v>64</v>
      </c>
      <c r="G193" s="2" t="s">
        <v>64</v>
      </c>
      <c r="H193" s="2" t="s">
        <v>64</v>
      </c>
      <c r="I193" s="2" t="s">
        <v>64</v>
      </c>
      <c r="J193" s="2" t="s">
        <v>64</v>
      </c>
      <c r="K193" s="2" t="s">
        <v>64</v>
      </c>
    </row>
    <row r="194" spans="1:11" x14ac:dyDescent="0.25">
      <c r="A194" s="4" t="s">
        <v>772</v>
      </c>
      <c r="B194" s="6" t="s">
        <v>773</v>
      </c>
      <c r="C194" s="2" t="s">
        <v>774</v>
      </c>
      <c r="D194" s="2" t="s">
        <v>775</v>
      </c>
      <c r="E194" s="2" t="s">
        <v>776</v>
      </c>
      <c r="F194" s="2" t="s">
        <v>777</v>
      </c>
      <c r="G194" s="2" t="s">
        <v>778</v>
      </c>
      <c r="H194" s="2" t="s">
        <v>779</v>
      </c>
      <c r="I194" s="2" t="s">
        <v>780</v>
      </c>
      <c r="J194" s="2" t="s">
        <v>781</v>
      </c>
      <c r="K194" s="2" t="s">
        <v>782</v>
      </c>
    </row>
    <row r="195" spans="1:11" x14ac:dyDescent="0.25">
      <c r="A195" s="5" t="s">
        <v>783</v>
      </c>
      <c r="B195" s="7" t="s">
        <v>784</v>
      </c>
      <c r="C195" s="3" t="s">
        <v>64</v>
      </c>
      <c r="D195" s="3" t="s">
        <v>64</v>
      </c>
      <c r="E195" s="3" t="s">
        <v>64</v>
      </c>
      <c r="F195" s="3" t="s">
        <v>64</v>
      </c>
      <c r="G195" s="3" t="s">
        <v>64</v>
      </c>
      <c r="H195" s="3" t="s">
        <v>64</v>
      </c>
      <c r="I195" s="3" t="s">
        <v>64</v>
      </c>
      <c r="J195" s="3" t="s">
        <v>64</v>
      </c>
      <c r="K195" s="3" t="s">
        <v>64</v>
      </c>
    </row>
    <row r="196" spans="1:11" x14ac:dyDescent="0.25">
      <c r="A196" s="4" t="s">
        <v>785</v>
      </c>
      <c r="B196" s="6" t="s">
        <v>786</v>
      </c>
      <c r="C196" s="2" t="s">
        <v>64</v>
      </c>
      <c r="D196" s="2" t="s">
        <v>64</v>
      </c>
      <c r="E196" s="2" t="s">
        <v>64</v>
      </c>
      <c r="F196" s="2" t="s">
        <v>64</v>
      </c>
      <c r="G196" s="2" t="s">
        <v>64</v>
      </c>
      <c r="H196" s="2" t="s">
        <v>64</v>
      </c>
      <c r="I196" s="2" t="s">
        <v>64</v>
      </c>
      <c r="J196" s="2" t="s">
        <v>64</v>
      </c>
      <c r="K196" s="2" t="s">
        <v>64</v>
      </c>
    </row>
    <row r="197" spans="1:11" x14ac:dyDescent="0.25">
      <c r="A197" s="4" t="s">
        <v>787</v>
      </c>
      <c r="B197" s="6" t="s">
        <v>788</v>
      </c>
      <c r="C197" s="2" t="s">
        <v>64</v>
      </c>
      <c r="D197" s="2" t="s">
        <v>64</v>
      </c>
      <c r="E197" s="2" t="s">
        <v>64</v>
      </c>
      <c r="F197" s="2" t="s">
        <v>64</v>
      </c>
      <c r="G197" s="2" t="s">
        <v>64</v>
      </c>
      <c r="H197" s="2" t="s">
        <v>64</v>
      </c>
      <c r="I197" s="2" t="s">
        <v>64</v>
      </c>
      <c r="J197" s="2" t="s">
        <v>64</v>
      </c>
      <c r="K197" s="2" t="s">
        <v>64</v>
      </c>
    </row>
    <row r="198" spans="1:11" x14ac:dyDescent="0.25">
      <c r="A198" s="4" t="s">
        <v>789</v>
      </c>
      <c r="B198" s="6" t="s">
        <v>790</v>
      </c>
      <c r="C198" s="2" t="s">
        <v>64</v>
      </c>
      <c r="D198" s="2" t="s">
        <v>64</v>
      </c>
      <c r="E198" s="2" t="s">
        <v>64</v>
      </c>
      <c r="F198" s="2" t="s">
        <v>64</v>
      </c>
      <c r="G198" s="2" t="s">
        <v>64</v>
      </c>
      <c r="H198" s="2" t="s">
        <v>64</v>
      </c>
      <c r="I198" s="2" t="s">
        <v>64</v>
      </c>
      <c r="J198" s="2" t="s">
        <v>64</v>
      </c>
      <c r="K198" s="2" t="s">
        <v>64</v>
      </c>
    </row>
    <row r="199" spans="1:11" x14ac:dyDescent="0.25">
      <c r="A199" s="4" t="s">
        <v>791</v>
      </c>
      <c r="B199" s="6" t="s">
        <v>792</v>
      </c>
      <c r="C199" s="2" t="s">
        <v>64</v>
      </c>
      <c r="D199" s="2" t="s">
        <v>64</v>
      </c>
      <c r="E199" s="2" t="s">
        <v>64</v>
      </c>
      <c r="F199" s="2" t="s">
        <v>64</v>
      </c>
      <c r="G199" s="2" t="s">
        <v>64</v>
      </c>
      <c r="H199" s="2" t="s">
        <v>64</v>
      </c>
      <c r="I199" s="2" t="s">
        <v>64</v>
      </c>
      <c r="J199" s="2" t="s">
        <v>64</v>
      </c>
      <c r="K199" s="2" t="s">
        <v>64</v>
      </c>
    </row>
  </sheetData>
  <mergeCells count="36">
    <mergeCell ref="A3:K3"/>
    <mergeCell ref="A4:K4"/>
    <mergeCell ref="A5:K5"/>
    <mergeCell ref="A6:K6"/>
    <mergeCell ref="A7:K7"/>
    <mergeCell ref="A9:K9"/>
    <mergeCell ref="A10:A11"/>
    <mergeCell ref="B10:B11"/>
    <mergeCell ref="C10:C11"/>
    <mergeCell ref="D10:D11"/>
    <mergeCell ref="E10:H10"/>
    <mergeCell ref="I10:I11"/>
    <mergeCell ref="G93:G94"/>
    <mergeCell ref="H93:I93"/>
    <mergeCell ref="J93:J94"/>
    <mergeCell ref="K93:K94"/>
    <mergeCell ref="A121:A122"/>
    <mergeCell ref="B121:B122"/>
    <mergeCell ref="C121:C122"/>
    <mergeCell ref="D121:D122"/>
    <mergeCell ref="E121:H121"/>
    <mergeCell ref="I121:I122"/>
    <mergeCell ref="A93:A94"/>
    <mergeCell ref="B93:B94"/>
    <mergeCell ref="C93:C94"/>
    <mergeCell ref="D93:D94"/>
    <mergeCell ref="E93:F93"/>
    <mergeCell ref="G188:G189"/>
    <mergeCell ref="H188:I188"/>
    <mergeCell ref="J188:J189"/>
    <mergeCell ref="K188:K189"/>
    <mergeCell ref="A188:A189"/>
    <mergeCell ref="B188:B189"/>
    <mergeCell ref="C188:C189"/>
    <mergeCell ref="D188:D189"/>
    <mergeCell ref="E188:F188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102"/>
  <sheetViews>
    <sheetView showGridLines="0" topLeftCell="A22" workbookViewId="0">
      <selection activeCell="B10" sqref="B10:B11"/>
    </sheetView>
  </sheetViews>
  <sheetFormatPr defaultRowHeight="15" x14ac:dyDescent="0.25"/>
  <cols>
    <col min="1" max="1" width="3.28515625" bestFit="1" customWidth="1"/>
    <col min="2" max="2" width="94.140625" bestFit="1" customWidth="1"/>
    <col min="3" max="3" width="49.140625" bestFit="1" customWidth="1"/>
    <col min="4" max="4" width="37.140625" bestFit="1" customWidth="1"/>
    <col min="5" max="5" width="28.42578125" bestFit="1" customWidth="1"/>
    <col min="6" max="6" width="14.28515625" bestFit="1" customWidth="1"/>
  </cols>
  <sheetData>
    <row r="3" spans="1:6" x14ac:dyDescent="0.25">
      <c r="A3" s="11" t="s">
        <v>0</v>
      </c>
      <c r="B3" s="10"/>
      <c r="C3" s="10"/>
      <c r="D3" s="10"/>
      <c r="E3" s="10"/>
      <c r="F3" s="10"/>
    </row>
    <row r="4" spans="1:6" x14ac:dyDescent="0.25">
      <c r="A4" s="11" t="s">
        <v>1</v>
      </c>
      <c r="B4" s="10"/>
      <c r="C4" s="10"/>
      <c r="D4" s="10"/>
      <c r="E4" s="10"/>
      <c r="F4" s="10"/>
    </row>
    <row r="5" spans="1:6" x14ac:dyDescent="0.25">
      <c r="A5" s="12" t="s">
        <v>3797</v>
      </c>
      <c r="B5" s="10"/>
      <c r="C5" s="10"/>
      <c r="D5" s="10"/>
      <c r="E5" s="10"/>
      <c r="F5" s="10"/>
    </row>
    <row r="6" spans="1:6" x14ac:dyDescent="0.25">
      <c r="A6" s="11" t="s">
        <v>3</v>
      </c>
      <c r="B6" s="10"/>
      <c r="C6" s="10"/>
      <c r="D6" s="10"/>
      <c r="E6" s="10"/>
      <c r="F6" s="10"/>
    </row>
    <row r="7" spans="1:6" x14ac:dyDescent="0.25">
      <c r="A7" s="11" t="s">
        <v>4</v>
      </c>
      <c r="B7" s="10"/>
      <c r="C7" s="10"/>
      <c r="D7" s="10"/>
      <c r="E7" s="10"/>
      <c r="F7" s="10"/>
    </row>
    <row r="9" spans="1:6" x14ac:dyDescent="0.25">
      <c r="A9" s="9" t="s">
        <v>3798</v>
      </c>
      <c r="B9" s="10"/>
      <c r="C9" s="10"/>
      <c r="D9" s="10"/>
      <c r="E9" s="10"/>
      <c r="F9" s="10"/>
    </row>
    <row r="10" spans="1:6" x14ac:dyDescent="0.25">
      <c r="A10" s="8" t="s">
        <v>6</v>
      </c>
      <c r="B10" s="8" t="s">
        <v>3799</v>
      </c>
      <c r="C10" s="8" t="s">
        <v>3765</v>
      </c>
    </row>
    <row r="11" spans="1:6" x14ac:dyDescent="0.25">
      <c r="A11" s="8" t="s">
        <v>7</v>
      </c>
      <c r="B11" s="8" t="s">
        <v>7</v>
      </c>
      <c r="C11" s="8" t="s">
        <v>7</v>
      </c>
    </row>
    <row r="12" spans="1:6" x14ac:dyDescent="0.25">
      <c r="A12" s="4" t="s">
        <v>17</v>
      </c>
      <c r="B12" s="6" t="s">
        <v>8</v>
      </c>
      <c r="C12" s="2" t="s">
        <v>64</v>
      </c>
    </row>
    <row r="13" spans="1:6" x14ac:dyDescent="0.25">
      <c r="A13" s="4" t="s">
        <v>26</v>
      </c>
      <c r="B13" s="6" t="s">
        <v>9</v>
      </c>
      <c r="C13" s="2" t="s">
        <v>400</v>
      </c>
    </row>
    <row r="14" spans="1:6" x14ac:dyDescent="0.25">
      <c r="A14" s="4" t="s">
        <v>35</v>
      </c>
      <c r="B14" s="6" t="s">
        <v>2133</v>
      </c>
      <c r="C14" s="2" t="s">
        <v>401</v>
      </c>
    </row>
    <row r="15" spans="1:6" x14ac:dyDescent="0.25">
      <c r="A15" s="4" t="s">
        <v>44</v>
      </c>
      <c r="B15" s="6" t="s">
        <v>11</v>
      </c>
      <c r="C15" s="2" t="s">
        <v>404</v>
      </c>
    </row>
    <row r="16" spans="1:6" x14ac:dyDescent="0.25">
      <c r="A16" s="4" t="s">
        <v>53</v>
      </c>
      <c r="B16" s="6" t="s">
        <v>3800</v>
      </c>
      <c r="C16" s="2" t="s">
        <v>64</v>
      </c>
    </row>
    <row r="17" spans="1:3" x14ac:dyDescent="0.25">
      <c r="A17" s="4" t="s">
        <v>62</v>
      </c>
      <c r="B17" s="6" t="s">
        <v>3801</v>
      </c>
      <c r="C17" s="2" t="s">
        <v>64</v>
      </c>
    </row>
    <row r="18" spans="1:3" x14ac:dyDescent="0.25">
      <c r="A18" s="4" t="s">
        <v>65</v>
      </c>
      <c r="B18" s="6" t="s">
        <v>435</v>
      </c>
      <c r="C18" s="2" t="s">
        <v>64</v>
      </c>
    </row>
    <row r="19" spans="1:3" x14ac:dyDescent="0.25">
      <c r="A19" s="4" t="s">
        <v>74</v>
      </c>
      <c r="B19" s="6" t="s">
        <v>796</v>
      </c>
      <c r="C19" s="2" t="s">
        <v>400</v>
      </c>
    </row>
    <row r="20" spans="1:3" x14ac:dyDescent="0.25">
      <c r="A20" s="4" t="s">
        <v>76</v>
      </c>
      <c r="B20" s="6" t="s">
        <v>3802</v>
      </c>
      <c r="C20" s="2" t="s">
        <v>3803</v>
      </c>
    </row>
    <row r="21" spans="1:3" x14ac:dyDescent="0.25">
      <c r="A21" s="4" t="s">
        <v>78</v>
      </c>
      <c r="B21" s="6" t="s">
        <v>2605</v>
      </c>
      <c r="C21" s="2" t="s">
        <v>3804</v>
      </c>
    </row>
    <row r="22" spans="1:3" x14ac:dyDescent="0.25">
      <c r="A22" s="4" t="s">
        <v>80</v>
      </c>
      <c r="B22" s="6" t="s">
        <v>438</v>
      </c>
      <c r="C22" s="2" t="s">
        <v>576</v>
      </c>
    </row>
    <row r="23" spans="1:3" x14ac:dyDescent="0.25">
      <c r="A23" s="4" t="s">
        <v>82</v>
      </c>
      <c r="B23" s="6" t="s">
        <v>442</v>
      </c>
      <c r="C23" s="2" t="s">
        <v>579</v>
      </c>
    </row>
    <row r="24" spans="1:3" x14ac:dyDescent="0.25">
      <c r="A24" s="4" t="s">
        <v>91</v>
      </c>
      <c r="B24" s="6" t="s">
        <v>3805</v>
      </c>
      <c r="C24" s="2" t="s">
        <v>581</v>
      </c>
    </row>
    <row r="25" spans="1:3" x14ac:dyDescent="0.25">
      <c r="A25" s="4" t="s">
        <v>100</v>
      </c>
      <c r="B25" s="6" t="s">
        <v>3806</v>
      </c>
      <c r="C25" s="2" t="s">
        <v>598</v>
      </c>
    </row>
    <row r="27" spans="1:3" x14ac:dyDescent="0.25">
      <c r="A27" s="8" t="s">
        <v>6</v>
      </c>
      <c r="B27" s="8" t="s">
        <v>3807</v>
      </c>
      <c r="C27" s="8" t="s">
        <v>3765</v>
      </c>
    </row>
    <row r="28" spans="1:3" x14ac:dyDescent="0.25">
      <c r="A28" s="8" t="s">
        <v>7</v>
      </c>
      <c r="B28" s="8" t="s">
        <v>7</v>
      </c>
      <c r="C28" s="8" t="s">
        <v>7</v>
      </c>
    </row>
    <row r="29" spans="1:3" x14ac:dyDescent="0.25">
      <c r="A29" s="4" t="s">
        <v>109</v>
      </c>
      <c r="B29" s="6" t="s">
        <v>438</v>
      </c>
      <c r="C29" s="2" t="s">
        <v>576</v>
      </c>
    </row>
    <row r="30" spans="1:3" x14ac:dyDescent="0.25">
      <c r="A30" s="4" t="s">
        <v>111</v>
      </c>
      <c r="B30" s="6" t="s">
        <v>442</v>
      </c>
      <c r="C30" s="2" t="s">
        <v>579</v>
      </c>
    </row>
    <row r="32" spans="1:3" x14ac:dyDescent="0.25">
      <c r="A32" s="8" t="s">
        <v>6</v>
      </c>
      <c r="B32" s="8" t="s">
        <v>3808</v>
      </c>
      <c r="C32" s="8" t="s">
        <v>3765</v>
      </c>
    </row>
    <row r="33" spans="1:5" x14ac:dyDescent="0.25">
      <c r="A33" s="8" t="s">
        <v>7</v>
      </c>
      <c r="B33" s="8" t="s">
        <v>7</v>
      </c>
      <c r="C33" s="8" t="s">
        <v>7</v>
      </c>
    </row>
    <row r="34" spans="1:5" x14ac:dyDescent="0.25">
      <c r="A34" s="4" t="s">
        <v>119</v>
      </c>
      <c r="B34" s="6" t="s">
        <v>3809</v>
      </c>
      <c r="C34" s="2" t="s">
        <v>2479</v>
      </c>
    </row>
    <row r="36" spans="1:5" x14ac:dyDescent="0.25">
      <c r="A36" s="8" t="s">
        <v>6</v>
      </c>
      <c r="B36" s="8" t="s">
        <v>3810</v>
      </c>
      <c r="C36" s="8" t="s">
        <v>3765</v>
      </c>
    </row>
    <row r="37" spans="1:5" x14ac:dyDescent="0.25">
      <c r="A37" s="8" t="s">
        <v>7</v>
      </c>
      <c r="B37" s="8" t="s">
        <v>7</v>
      </c>
      <c r="C37" s="8" t="s">
        <v>7</v>
      </c>
    </row>
    <row r="38" spans="1:5" x14ac:dyDescent="0.25">
      <c r="A38" s="5" t="s">
        <v>121</v>
      </c>
      <c r="B38" s="7" t="s">
        <v>3811</v>
      </c>
      <c r="C38" s="3" t="s">
        <v>2695</v>
      </c>
    </row>
    <row r="39" spans="1:5" x14ac:dyDescent="0.25">
      <c r="A39" s="4" t="s">
        <v>128</v>
      </c>
      <c r="B39" s="6" t="s">
        <v>3812</v>
      </c>
      <c r="C39" s="2" t="s">
        <v>2603</v>
      </c>
    </row>
    <row r="40" spans="1:5" x14ac:dyDescent="0.25">
      <c r="A40" s="4" t="s">
        <v>130</v>
      </c>
      <c r="B40" s="6" t="s">
        <v>3813</v>
      </c>
      <c r="C40" s="2" t="s">
        <v>2688</v>
      </c>
    </row>
    <row r="41" spans="1:5" x14ac:dyDescent="0.25">
      <c r="A41" s="5" t="s">
        <v>132</v>
      </c>
      <c r="B41" s="7" t="s">
        <v>3814</v>
      </c>
      <c r="C41" s="3" t="s">
        <v>2695</v>
      </c>
    </row>
    <row r="42" spans="1:5" x14ac:dyDescent="0.25">
      <c r="A42" s="5" t="s">
        <v>134</v>
      </c>
      <c r="B42" s="7" t="s">
        <v>3815</v>
      </c>
      <c r="C42" s="3" t="s">
        <v>64</v>
      </c>
    </row>
    <row r="43" spans="1:5" x14ac:dyDescent="0.25">
      <c r="A43" s="4" t="s">
        <v>143</v>
      </c>
      <c r="B43" s="6" t="s">
        <v>3816</v>
      </c>
      <c r="C43" s="2" t="s">
        <v>64</v>
      </c>
    </row>
    <row r="44" spans="1:5" x14ac:dyDescent="0.25">
      <c r="A44" s="4" t="s">
        <v>152</v>
      </c>
      <c r="B44" s="6" t="s">
        <v>3817</v>
      </c>
      <c r="C44" s="2" t="s">
        <v>64</v>
      </c>
    </row>
    <row r="45" spans="1:5" x14ac:dyDescent="0.25">
      <c r="A45" s="4" t="s">
        <v>160</v>
      </c>
      <c r="B45" s="6" t="s">
        <v>3814</v>
      </c>
      <c r="C45" s="2" t="s">
        <v>64</v>
      </c>
    </row>
    <row r="47" spans="1:5" x14ac:dyDescent="0.25">
      <c r="A47" s="8" t="s">
        <v>6</v>
      </c>
      <c r="B47" s="8" t="s">
        <v>3818</v>
      </c>
      <c r="C47" s="8" t="s">
        <v>3819</v>
      </c>
      <c r="D47" s="8" t="s">
        <v>3820</v>
      </c>
      <c r="E47" s="8" t="s">
        <v>3821</v>
      </c>
    </row>
    <row r="48" spans="1:5" x14ac:dyDescent="0.25">
      <c r="A48" s="8" t="s">
        <v>7</v>
      </c>
      <c r="B48" s="8" t="s">
        <v>7</v>
      </c>
      <c r="C48" s="8" t="s">
        <v>7</v>
      </c>
      <c r="D48" s="8" t="s">
        <v>7</v>
      </c>
      <c r="E48" s="8" t="s">
        <v>7</v>
      </c>
    </row>
    <row r="49" spans="1:6" x14ac:dyDescent="0.25">
      <c r="A49" s="4" t="s">
        <v>168</v>
      </c>
      <c r="B49" s="6" t="s">
        <v>3822</v>
      </c>
      <c r="C49" s="2" t="s">
        <v>2941</v>
      </c>
      <c r="D49" s="2" t="s">
        <v>2939</v>
      </c>
      <c r="E49" s="2" t="s">
        <v>3823</v>
      </c>
    </row>
    <row r="50" spans="1:6" x14ac:dyDescent="0.25">
      <c r="A50" s="4" t="s">
        <v>170</v>
      </c>
      <c r="B50" s="6" t="s">
        <v>3824</v>
      </c>
      <c r="C50" s="2" t="s">
        <v>2930</v>
      </c>
      <c r="D50" s="2" t="s">
        <v>2926</v>
      </c>
      <c r="E50" s="2" t="s">
        <v>3825</v>
      </c>
    </row>
    <row r="52" spans="1:6" x14ac:dyDescent="0.25">
      <c r="A52" s="8" t="s">
        <v>6</v>
      </c>
      <c r="B52" s="8" t="s">
        <v>3826</v>
      </c>
      <c r="C52" s="8" t="s">
        <v>3827</v>
      </c>
      <c r="D52" s="8" t="s">
        <v>3828</v>
      </c>
      <c r="E52" s="8" t="s">
        <v>3829</v>
      </c>
      <c r="F52" s="8" t="s">
        <v>3830</v>
      </c>
    </row>
    <row r="53" spans="1:6" x14ac:dyDescent="0.25">
      <c r="A53" s="8" t="s">
        <v>7</v>
      </c>
      <c r="B53" s="8" t="s">
        <v>7</v>
      </c>
      <c r="C53" s="8" t="s">
        <v>7</v>
      </c>
      <c r="D53" s="8" t="s">
        <v>7</v>
      </c>
      <c r="E53" s="8" t="s">
        <v>7</v>
      </c>
      <c r="F53" s="8" t="s">
        <v>7</v>
      </c>
    </row>
    <row r="54" spans="1:6" x14ac:dyDescent="0.25">
      <c r="A54" s="5" t="s">
        <v>178</v>
      </c>
      <c r="B54" s="7" t="s">
        <v>3831</v>
      </c>
      <c r="C54" s="3" t="s">
        <v>3832</v>
      </c>
      <c r="D54" s="3" t="s">
        <v>3141</v>
      </c>
      <c r="E54" s="3" t="s">
        <v>3140</v>
      </c>
      <c r="F54" s="3" t="s">
        <v>3142</v>
      </c>
    </row>
    <row r="55" spans="1:6" x14ac:dyDescent="0.25">
      <c r="A55" s="4" t="s">
        <v>187</v>
      </c>
      <c r="B55" s="6" t="s">
        <v>3833</v>
      </c>
      <c r="C55" s="2" t="s">
        <v>3834</v>
      </c>
      <c r="D55" s="2" t="s">
        <v>3835</v>
      </c>
      <c r="E55" s="2" t="s">
        <v>3836</v>
      </c>
      <c r="F55" s="2" t="s">
        <v>3837</v>
      </c>
    </row>
    <row r="56" spans="1:6" x14ac:dyDescent="0.25">
      <c r="A56" s="4" t="s">
        <v>196</v>
      </c>
      <c r="B56" s="6" t="s">
        <v>3838</v>
      </c>
      <c r="C56" s="2" t="s">
        <v>3839</v>
      </c>
      <c r="D56" s="2" t="s">
        <v>64</v>
      </c>
      <c r="E56" s="2" t="s">
        <v>3839</v>
      </c>
      <c r="F56" s="2" t="s">
        <v>64</v>
      </c>
    </row>
    <row r="57" spans="1:6" x14ac:dyDescent="0.25">
      <c r="A57" s="4" t="s">
        <v>198</v>
      </c>
      <c r="B57" s="6" t="s">
        <v>3840</v>
      </c>
      <c r="C57" s="2" t="s">
        <v>3841</v>
      </c>
      <c r="D57" s="2" t="s">
        <v>3074</v>
      </c>
      <c r="E57" s="2" t="s">
        <v>3842</v>
      </c>
      <c r="F57" s="2" t="s">
        <v>64</v>
      </c>
    </row>
    <row r="58" spans="1:6" x14ac:dyDescent="0.25">
      <c r="A58" s="4" t="s">
        <v>206</v>
      </c>
      <c r="B58" s="6" t="s">
        <v>3843</v>
      </c>
      <c r="C58" s="2" t="s">
        <v>3088</v>
      </c>
      <c r="D58" s="2" t="s">
        <v>64</v>
      </c>
      <c r="E58" s="2" t="s">
        <v>3089</v>
      </c>
      <c r="F58" s="2" t="s">
        <v>3090</v>
      </c>
    </row>
    <row r="59" spans="1:6" x14ac:dyDescent="0.25">
      <c r="A59" s="4" t="s">
        <v>214</v>
      </c>
      <c r="B59" s="6" t="s">
        <v>3844</v>
      </c>
      <c r="C59" s="2" t="s">
        <v>3845</v>
      </c>
      <c r="D59" s="2" t="s">
        <v>3111</v>
      </c>
      <c r="E59" s="2" t="s">
        <v>3846</v>
      </c>
      <c r="F59" s="2" t="s">
        <v>64</v>
      </c>
    </row>
    <row r="60" spans="1:6" x14ac:dyDescent="0.25">
      <c r="A60" s="5" t="s">
        <v>222</v>
      </c>
      <c r="B60" s="7" t="s">
        <v>3847</v>
      </c>
      <c r="C60" s="3" t="s">
        <v>3848</v>
      </c>
      <c r="D60" s="3" t="s">
        <v>3043</v>
      </c>
      <c r="E60" s="3" t="s">
        <v>3146</v>
      </c>
      <c r="F60" s="3" t="s">
        <v>3147</v>
      </c>
    </row>
    <row r="61" spans="1:6" x14ac:dyDescent="0.25">
      <c r="A61" s="4" t="s">
        <v>230</v>
      </c>
      <c r="B61" s="6" t="s">
        <v>3833</v>
      </c>
      <c r="C61" s="2" t="s">
        <v>3849</v>
      </c>
      <c r="D61" s="2" t="s">
        <v>3054</v>
      </c>
      <c r="E61" s="2" t="s">
        <v>3850</v>
      </c>
      <c r="F61" s="2" t="s">
        <v>3851</v>
      </c>
    </row>
    <row r="62" spans="1:6" x14ac:dyDescent="0.25">
      <c r="A62" s="4" t="s">
        <v>232</v>
      </c>
      <c r="B62" s="6" t="s">
        <v>3838</v>
      </c>
      <c r="C62" s="2" t="s">
        <v>3059</v>
      </c>
      <c r="D62" s="2" t="s">
        <v>3061</v>
      </c>
      <c r="E62" s="2" t="s">
        <v>3060</v>
      </c>
      <c r="F62" s="2" t="s">
        <v>64</v>
      </c>
    </row>
    <row r="63" spans="1:6" x14ac:dyDescent="0.25">
      <c r="A63" s="4" t="s">
        <v>234</v>
      </c>
      <c r="B63" s="6" t="s">
        <v>3840</v>
      </c>
      <c r="C63" s="2" t="s">
        <v>3075</v>
      </c>
      <c r="D63" s="2" t="s">
        <v>3077</v>
      </c>
      <c r="E63" s="2" t="s">
        <v>3076</v>
      </c>
      <c r="F63" s="2" t="s">
        <v>3078</v>
      </c>
    </row>
    <row r="64" spans="1:6" x14ac:dyDescent="0.25">
      <c r="A64" s="4" t="s">
        <v>243</v>
      </c>
      <c r="B64" s="6" t="s">
        <v>3843</v>
      </c>
      <c r="C64" s="2" t="s">
        <v>3091</v>
      </c>
      <c r="D64" s="2" t="s">
        <v>3093</v>
      </c>
      <c r="E64" s="2" t="s">
        <v>3092</v>
      </c>
      <c r="F64" s="2" t="s">
        <v>3094</v>
      </c>
    </row>
    <row r="65" spans="1:6" x14ac:dyDescent="0.25">
      <c r="A65" s="4" t="s">
        <v>252</v>
      </c>
      <c r="B65" s="6" t="s">
        <v>3852</v>
      </c>
      <c r="C65" s="2" t="s">
        <v>3112</v>
      </c>
      <c r="D65" s="2" t="s">
        <v>3114</v>
      </c>
      <c r="E65" s="2" t="s">
        <v>3113</v>
      </c>
      <c r="F65" s="2" t="s">
        <v>64</v>
      </c>
    </row>
    <row r="66" spans="1:6" x14ac:dyDescent="0.25">
      <c r="A66" s="5" t="s">
        <v>261</v>
      </c>
      <c r="B66" s="7" t="s">
        <v>3707</v>
      </c>
      <c r="C66" s="3" t="s">
        <v>3853</v>
      </c>
      <c r="D66" s="3" t="s">
        <v>3854</v>
      </c>
      <c r="E66" s="3" t="s">
        <v>3855</v>
      </c>
      <c r="F66" s="3" t="s">
        <v>3148</v>
      </c>
    </row>
    <row r="68" spans="1:6" x14ac:dyDescent="0.25">
      <c r="A68" s="8" t="s">
        <v>6</v>
      </c>
      <c r="B68" s="8" t="s">
        <v>3856</v>
      </c>
      <c r="C68" s="8" t="s">
        <v>3857</v>
      </c>
      <c r="D68" s="8" t="s">
        <v>3858</v>
      </c>
      <c r="E68" s="8" t="s">
        <v>3858</v>
      </c>
    </row>
    <row r="69" spans="1:6" x14ac:dyDescent="0.25">
      <c r="A69" s="8" t="s">
        <v>7</v>
      </c>
      <c r="B69" s="8" t="s">
        <v>7</v>
      </c>
      <c r="C69" s="8" t="s">
        <v>7</v>
      </c>
      <c r="D69" s="1" t="s">
        <v>3859</v>
      </c>
      <c r="E69" s="1" t="s">
        <v>3860</v>
      </c>
    </row>
    <row r="70" spans="1:6" x14ac:dyDescent="0.25">
      <c r="A70" s="4" t="s">
        <v>263</v>
      </c>
      <c r="B70" s="6" t="s">
        <v>3861</v>
      </c>
      <c r="C70" s="2" t="s">
        <v>3441</v>
      </c>
      <c r="D70" s="2" t="s">
        <v>3862</v>
      </c>
      <c r="E70" s="2" t="s">
        <v>3443</v>
      </c>
    </row>
    <row r="71" spans="1:6" x14ac:dyDescent="0.25">
      <c r="A71" s="4" t="s">
        <v>272</v>
      </c>
      <c r="B71" s="6" t="s">
        <v>3863</v>
      </c>
      <c r="C71" s="2" t="s">
        <v>3349</v>
      </c>
      <c r="D71" s="2" t="s">
        <v>3864</v>
      </c>
      <c r="E71" s="2" t="s">
        <v>3362</v>
      </c>
    </row>
    <row r="72" spans="1:6" x14ac:dyDescent="0.25">
      <c r="A72" s="4" t="s">
        <v>281</v>
      </c>
      <c r="B72" s="6" t="s">
        <v>3865</v>
      </c>
      <c r="C72" s="2" t="s">
        <v>64</v>
      </c>
      <c r="D72" s="2" t="s">
        <v>3864</v>
      </c>
      <c r="E72" s="2" t="s">
        <v>64</v>
      </c>
    </row>
    <row r="73" spans="1:6" x14ac:dyDescent="0.25">
      <c r="A73" s="4" t="s">
        <v>289</v>
      </c>
      <c r="B73" s="6" t="s">
        <v>3866</v>
      </c>
      <c r="C73" s="2" t="s">
        <v>64</v>
      </c>
      <c r="D73" s="2" t="s">
        <v>64</v>
      </c>
      <c r="E73" s="2" t="s">
        <v>64</v>
      </c>
    </row>
    <row r="75" spans="1:6" x14ac:dyDescent="0.25">
      <c r="A75" s="8" t="s">
        <v>6</v>
      </c>
      <c r="B75" s="8" t="s">
        <v>3867</v>
      </c>
      <c r="C75" s="8" t="s">
        <v>3857</v>
      </c>
      <c r="D75" s="8" t="s">
        <v>3868</v>
      </c>
    </row>
    <row r="76" spans="1:6" x14ac:dyDescent="0.25">
      <c r="A76" s="8" t="s">
        <v>7</v>
      </c>
      <c r="B76" s="8" t="s">
        <v>7</v>
      </c>
      <c r="C76" s="8" t="s">
        <v>7</v>
      </c>
      <c r="D76" s="8" t="s">
        <v>7</v>
      </c>
    </row>
    <row r="77" spans="1:6" x14ac:dyDescent="0.25">
      <c r="A77" s="4" t="s">
        <v>295</v>
      </c>
      <c r="B77" s="6" t="s">
        <v>3869</v>
      </c>
      <c r="C77" s="2" t="s">
        <v>64</v>
      </c>
      <c r="D77" s="2" t="s">
        <v>64</v>
      </c>
    </row>
    <row r="78" spans="1:6" x14ac:dyDescent="0.25">
      <c r="A78" s="4" t="s">
        <v>298</v>
      </c>
      <c r="B78" s="6" t="s">
        <v>3870</v>
      </c>
      <c r="C78" s="2" t="s">
        <v>64</v>
      </c>
      <c r="D78" s="2" t="s">
        <v>64</v>
      </c>
    </row>
    <row r="80" spans="1:6" x14ac:dyDescent="0.25">
      <c r="A80" s="8" t="s">
        <v>6</v>
      </c>
      <c r="B80" s="8" t="s">
        <v>3871</v>
      </c>
      <c r="C80" s="8" t="s">
        <v>3872</v>
      </c>
      <c r="D80" s="8" t="s">
        <v>3873</v>
      </c>
      <c r="E80" s="8" t="s">
        <v>3874</v>
      </c>
      <c r="F80" s="8" t="s">
        <v>3875</v>
      </c>
    </row>
    <row r="81" spans="1:6" x14ac:dyDescent="0.25">
      <c r="A81" s="8" t="s">
        <v>7</v>
      </c>
      <c r="B81" s="8" t="s">
        <v>7</v>
      </c>
      <c r="C81" s="8" t="s">
        <v>7</v>
      </c>
      <c r="D81" s="8" t="s">
        <v>7</v>
      </c>
      <c r="E81" s="8" t="s">
        <v>7</v>
      </c>
      <c r="F81" s="8" t="s">
        <v>7</v>
      </c>
    </row>
    <row r="82" spans="1:6" x14ac:dyDescent="0.25">
      <c r="A82" s="4" t="s">
        <v>307</v>
      </c>
      <c r="B82" s="6" t="s">
        <v>3876</v>
      </c>
      <c r="C82" s="2" t="s">
        <v>64</v>
      </c>
      <c r="D82" s="2" t="s">
        <v>64</v>
      </c>
      <c r="E82" s="2" t="s">
        <v>64</v>
      </c>
      <c r="F82" s="2" t="s">
        <v>64</v>
      </c>
    </row>
    <row r="83" spans="1:6" x14ac:dyDescent="0.25">
      <c r="A83" s="4" t="s">
        <v>314</v>
      </c>
      <c r="B83" s="6" t="s">
        <v>3877</v>
      </c>
      <c r="C83" s="2" t="s">
        <v>64</v>
      </c>
      <c r="D83" s="2" t="s">
        <v>64</v>
      </c>
      <c r="E83" s="2" t="s">
        <v>64</v>
      </c>
      <c r="F83" s="2" t="s">
        <v>64</v>
      </c>
    </row>
    <row r="84" spans="1:6" x14ac:dyDescent="0.25">
      <c r="A84" s="4" t="s">
        <v>322</v>
      </c>
      <c r="B84" s="6" t="s">
        <v>3878</v>
      </c>
      <c r="C84" s="2" t="s">
        <v>64</v>
      </c>
      <c r="D84" s="2" t="s">
        <v>64</v>
      </c>
      <c r="E84" s="2" t="s">
        <v>64</v>
      </c>
      <c r="F84" s="2" t="s">
        <v>64</v>
      </c>
    </row>
    <row r="85" spans="1:6" x14ac:dyDescent="0.25">
      <c r="A85" s="4" t="s">
        <v>324</v>
      </c>
      <c r="B85" s="6" t="s">
        <v>3814</v>
      </c>
      <c r="C85" s="2" t="s">
        <v>64</v>
      </c>
      <c r="D85" s="2" t="s">
        <v>64</v>
      </c>
      <c r="E85" s="2" t="s">
        <v>64</v>
      </c>
      <c r="F85" s="2" t="s">
        <v>64</v>
      </c>
    </row>
    <row r="86" spans="1:6" x14ac:dyDescent="0.25">
      <c r="A86" s="4" t="s">
        <v>333</v>
      </c>
      <c r="B86" s="6" t="s">
        <v>3879</v>
      </c>
      <c r="C86" s="2" t="s">
        <v>64</v>
      </c>
      <c r="D86" s="2" t="s">
        <v>64</v>
      </c>
      <c r="E86" s="2" t="s">
        <v>64</v>
      </c>
      <c r="F86" s="2" t="s">
        <v>64</v>
      </c>
    </row>
    <row r="87" spans="1:6" x14ac:dyDescent="0.25">
      <c r="A87" s="4" t="s">
        <v>342</v>
      </c>
      <c r="B87" s="6" t="s">
        <v>3877</v>
      </c>
      <c r="C87" s="2" t="s">
        <v>64</v>
      </c>
      <c r="D87" s="2" t="s">
        <v>64</v>
      </c>
      <c r="E87" s="2" t="s">
        <v>64</v>
      </c>
      <c r="F87" s="2" t="s">
        <v>64</v>
      </c>
    </row>
    <row r="88" spans="1:6" x14ac:dyDescent="0.25">
      <c r="A88" s="4" t="s">
        <v>350</v>
      </c>
      <c r="B88" s="6" t="s">
        <v>3878</v>
      </c>
      <c r="C88" s="2" t="s">
        <v>64</v>
      </c>
      <c r="D88" s="2" t="s">
        <v>64</v>
      </c>
      <c r="E88" s="2" t="s">
        <v>64</v>
      </c>
      <c r="F88" s="2" t="s">
        <v>64</v>
      </c>
    </row>
    <row r="89" spans="1:6" x14ac:dyDescent="0.25">
      <c r="A89" s="4" t="s">
        <v>358</v>
      </c>
      <c r="B89" s="6" t="s">
        <v>3814</v>
      </c>
      <c r="C89" s="2" t="s">
        <v>64</v>
      </c>
      <c r="D89" s="2" t="s">
        <v>64</v>
      </c>
      <c r="E89" s="2" t="s">
        <v>64</v>
      </c>
      <c r="F89" s="2" t="s">
        <v>64</v>
      </c>
    </row>
    <row r="91" spans="1:6" x14ac:dyDescent="0.25">
      <c r="A91" s="8" t="s">
        <v>6</v>
      </c>
      <c r="B91" s="8" t="s">
        <v>3880</v>
      </c>
      <c r="C91" s="8" t="s">
        <v>3857</v>
      </c>
      <c r="D91" s="8" t="s">
        <v>3881</v>
      </c>
    </row>
    <row r="92" spans="1:6" x14ac:dyDescent="0.25">
      <c r="A92" s="8" t="s">
        <v>7</v>
      </c>
      <c r="B92" s="8" t="s">
        <v>7</v>
      </c>
      <c r="C92" s="8" t="s">
        <v>7</v>
      </c>
      <c r="D92" s="8" t="s">
        <v>7</v>
      </c>
    </row>
    <row r="93" spans="1:6" x14ac:dyDescent="0.25">
      <c r="A93" s="4" t="s">
        <v>362</v>
      </c>
      <c r="B93" s="6" t="s">
        <v>3882</v>
      </c>
      <c r="C93" s="2" t="s">
        <v>64</v>
      </c>
      <c r="D93" s="2" t="s">
        <v>64</v>
      </c>
    </row>
    <row r="94" spans="1:6" x14ac:dyDescent="0.25">
      <c r="A94" s="4" t="s">
        <v>369</v>
      </c>
      <c r="B94" s="6" t="s">
        <v>3883</v>
      </c>
      <c r="C94" s="2" t="s">
        <v>64</v>
      </c>
      <c r="D94" s="2" t="s">
        <v>64</v>
      </c>
    </row>
    <row r="96" spans="1:6" x14ac:dyDescent="0.25">
      <c r="A96" s="8" t="s">
        <v>6</v>
      </c>
      <c r="B96" s="8" t="s">
        <v>3884</v>
      </c>
      <c r="C96" s="8" t="s">
        <v>3857</v>
      </c>
      <c r="D96" s="8" t="s">
        <v>3885</v>
      </c>
      <c r="E96" s="8" t="s">
        <v>3885</v>
      </c>
    </row>
    <row r="97" spans="1:5" x14ac:dyDescent="0.25">
      <c r="A97" s="8" t="s">
        <v>7</v>
      </c>
      <c r="B97" s="8" t="s">
        <v>7</v>
      </c>
      <c r="C97" s="8" t="s">
        <v>7</v>
      </c>
      <c r="D97" s="1" t="s">
        <v>3859</v>
      </c>
      <c r="E97" s="1" t="s">
        <v>3860</v>
      </c>
    </row>
    <row r="98" spans="1:5" x14ac:dyDescent="0.25">
      <c r="A98" s="4" t="s">
        <v>370</v>
      </c>
      <c r="B98" s="6" t="s">
        <v>3886</v>
      </c>
      <c r="C98" s="2" t="s">
        <v>3671</v>
      </c>
      <c r="D98" s="2" t="s">
        <v>3887</v>
      </c>
      <c r="E98" s="2" t="s">
        <v>3675</v>
      </c>
    </row>
    <row r="100" spans="1:5" x14ac:dyDescent="0.25">
      <c r="A100" s="8" t="s">
        <v>6</v>
      </c>
      <c r="B100" s="8" t="s">
        <v>3888</v>
      </c>
      <c r="C100" s="8" t="s">
        <v>3889</v>
      </c>
    </row>
    <row r="101" spans="1:5" x14ac:dyDescent="0.25">
      <c r="A101" s="8" t="s">
        <v>7</v>
      </c>
      <c r="B101" s="8" t="s">
        <v>7</v>
      </c>
      <c r="C101" s="8" t="s">
        <v>7</v>
      </c>
    </row>
    <row r="102" spans="1:5" x14ac:dyDescent="0.25">
      <c r="A102" s="4" t="s">
        <v>372</v>
      </c>
      <c r="B102" s="6" t="s">
        <v>3890</v>
      </c>
      <c r="C102" s="2" t="s">
        <v>64</v>
      </c>
    </row>
  </sheetData>
  <mergeCells count="54">
    <mergeCell ref="A3:F3"/>
    <mergeCell ref="A4:F4"/>
    <mergeCell ref="A5:F5"/>
    <mergeCell ref="A6:F6"/>
    <mergeCell ref="A7:F7"/>
    <mergeCell ref="A9:F9"/>
    <mergeCell ref="A10:A11"/>
    <mergeCell ref="B10:B11"/>
    <mergeCell ref="C10:C11"/>
    <mergeCell ref="A27:A28"/>
    <mergeCell ref="B27:B28"/>
    <mergeCell ref="C27:C28"/>
    <mergeCell ref="A32:A33"/>
    <mergeCell ref="B32:B33"/>
    <mergeCell ref="C32:C33"/>
    <mergeCell ref="A36:A37"/>
    <mergeCell ref="B36:B37"/>
    <mergeCell ref="C36:C37"/>
    <mergeCell ref="A47:A48"/>
    <mergeCell ref="B47:B48"/>
    <mergeCell ref="C47:C48"/>
    <mergeCell ref="D47:D48"/>
    <mergeCell ref="E47:E48"/>
    <mergeCell ref="F52:F53"/>
    <mergeCell ref="A68:A69"/>
    <mergeCell ref="B68:B69"/>
    <mergeCell ref="C68:C69"/>
    <mergeCell ref="D68:E68"/>
    <mergeCell ref="A52:A53"/>
    <mergeCell ref="B52:B53"/>
    <mergeCell ref="C52:C53"/>
    <mergeCell ref="D52:D53"/>
    <mergeCell ref="E52:E53"/>
    <mergeCell ref="A75:A76"/>
    <mergeCell ref="B75:B76"/>
    <mergeCell ref="C75:C76"/>
    <mergeCell ref="D75:D76"/>
    <mergeCell ref="A80:A81"/>
    <mergeCell ref="B80:B81"/>
    <mergeCell ref="C80:C81"/>
    <mergeCell ref="D80:D81"/>
    <mergeCell ref="E80:E81"/>
    <mergeCell ref="F80:F81"/>
    <mergeCell ref="A91:A92"/>
    <mergeCell ref="B91:B92"/>
    <mergeCell ref="C91:C92"/>
    <mergeCell ref="D91:D92"/>
    <mergeCell ref="A96:A97"/>
    <mergeCell ref="B96:B97"/>
    <mergeCell ref="C96:C97"/>
    <mergeCell ref="D96:E96"/>
    <mergeCell ref="A100:A101"/>
    <mergeCell ref="B100:B101"/>
    <mergeCell ref="C100:C101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15"/>
  <sheetViews>
    <sheetView showGridLines="0" workbookViewId="0">
      <selection activeCell="D10" sqref="D10:D11"/>
    </sheetView>
  </sheetViews>
  <sheetFormatPr defaultRowHeight="15" x14ac:dyDescent="0.25"/>
  <cols>
    <col min="1" max="1" width="4.42578125" bestFit="1" customWidth="1"/>
    <col min="2" max="2" width="51.5703125" bestFit="1" customWidth="1"/>
    <col min="3" max="3" width="16.5703125" bestFit="1" customWidth="1"/>
    <col min="4" max="4" width="22.85546875" bestFit="1" customWidth="1"/>
    <col min="5" max="5" width="15.42578125" bestFit="1" customWidth="1"/>
    <col min="6" max="6" width="16.5703125" bestFit="1" customWidth="1"/>
    <col min="7" max="7" width="8.42578125" bestFit="1" customWidth="1"/>
    <col min="8" max="8" width="16.85546875" bestFit="1" customWidth="1"/>
    <col min="9" max="9" width="15.42578125" bestFit="1" customWidth="1"/>
    <col min="10" max="10" width="16.5703125" bestFit="1" customWidth="1"/>
    <col min="11" max="11" width="8.42578125" bestFit="1" customWidth="1"/>
    <col min="12" max="12" width="17" bestFit="1" customWidth="1"/>
  </cols>
  <sheetData>
    <row r="3" spans="1:12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</row>
    <row r="4" spans="1:12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</row>
    <row r="5" spans="1:12" x14ac:dyDescent="0.25">
      <c r="A5" s="12" t="s">
        <v>793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</row>
    <row r="6" spans="1:12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</row>
    <row r="7" spans="1:12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</row>
    <row r="9" spans="1:12" x14ac:dyDescent="0.25">
      <c r="A9" s="9" t="s">
        <v>794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</row>
    <row r="10" spans="1:12" x14ac:dyDescent="0.25">
      <c r="A10" s="8" t="s">
        <v>6</v>
      </c>
      <c r="B10" s="8" t="s">
        <v>795</v>
      </c>
      <c r="C10" s="8" t="s">
        <v>796</v>
      </c>
      <c r="D10" s="8" t="s">
        <v>797</v>
      </c>
      <c r="E10" s="8" t="s">
        <v>438</v>
      </c>
      <c r="F10" s="8" t="s">
        <v>7</v>
      </c>
      <c r="G10" s="8" t="s">
        <v>7</v>
      </c>
      <c r="H10" s="8" t="s">
        <v>800</v>
      </c>
      <c r="I10" s="8" t="s">
        <v>442</v>
      </c>
      <c r="J10" s="8" t="s">
        <v>7</v>
      </c>
      <c r="K10" s="8" t="s">
        <v>7</v>
      </c>
      <c r="L10" s="8" t="s">
        <v>803</v>
      </c>
    </row>
    <row r="11" spans="1:12" ht="31.5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439</v>
      </c>
      <c r="F11" s="1" t="s">
        <v>798</v>
      </c>
      <c r="G11" s="1" t="s">
        <v>799</v>
      </c>
      <c r="H11" s="8" t="s">
        <v>7</v>
      </c>
      <c r="I11" s="1" t="s">
        <v>439</v>
      </c>
      <c r="J11" s="1" t="s">
        <v>801</v>
      </c>
      <c r="K11" s="1" t="s">
        <v>802</v>
      </c>
      <c r="L11" s="8" t="s">
        <v>7</v>
      </c>
    </row>
    <row r="12" spans="1:12" x14ac:dyDescent="0.25">
      <c r="A12" s="5" t="s">
        <v>17</v>
      </c>
      <c r="B12" s="7" t="s">
        <v>804</v>
      </c>
      <c r="C12" s="3" t="s">
        <v>448</v>
      </c>
      <c r="D12" s="3" t="s">
        <v>449</v>
      </c>
      <c r="E12" s="3" t="s">
        <v>450</v>
      </c>
      <c r="F12" s="3" t="s">
        <v>451</v>
      </c>
      <c r="G12" s="3" t="s">
        <v>805</v>
      </c>
      <c r="H12" s="3" t="s">
        <v>452</v>
      </c>
      <c r="I12" s="3" t="s">
        <v>453</v>
      </c>
      <c r="J12" s="3" t="s">
        <v>454</v>
      </c>
      <c r="K12" s="3" t="s">
        <v>806</v>
      </c>
      <c r="L12" s="3" t="s">
        <v>455</v>
      </c>
    </row>
    <row r="13" spans="1:12" x14ac:dyDescent="0.25">
      <c r="A13" s="5" t="s">
        <v>26</v>
      </c>
      <c r="B13" s="7" t="s">
        <v>807</v>
      </c>
      <c r="C13" s="3" t="s">
        <v>808</v>
      </c>
      <c r="D13" s="3" t="s">
        <v>809</v>
      </c>
      <c r="E13" s="3" t="s">
        <v>810</v>
      </c>
      <c r="F13" s="3" t="s">
        <v>811</v>
      </c>
      <c r="G13" s="3" t="s">
        <v>812</v>
      </c>
      <c r="H13" s="3" t="s">
        <v>813</v>
      </c>
      <c r="I13" s="3" t="s">
        <v>814</v>
      </c>
      <c r="J13" s="3" t="s">
        <v>815</v>
      </c>
      <c r="K13" s="3" t="s">
        <v>816</v>
      </c>
      <c r="L13" s="3" t="s">
        <v>817</v>
      </c>
    </row>
    <row r="14" spans="1:12" x14ac:dyDescent="0.25">
      <c r="A14" s="4" t="s">
        <v>35</v>
      </c>
      <c r="B14" s="6" t="s">
        <v>818</v>
      </c>
      <c r="C14" s="2" t="s">
        <v>819</v>
      </c>
      <c r="D14" s="2" t="s">
        <v>820</v>
      </c>
      <c r="E14" s="2" t="s">
        <v>821</v>
      </c>
      <c r="F14" s="2" t="s">
        <v>822</v>
      </c>
      <c r="G14" s="2" t="s">
        <v>823</v>
      </c>
      <c r="H14" s="2" t="s">
        <v>824</v>
      </c>
      <c r="I14" s="2" t="s">
        <v>825</v>
      </c>
      <c r="J14" s="2" t="s">
        <v>826</v>
      </c>
      <c r="K14" s="2" t="s">
        <v>827</v>
      </c>
      <c r="L14" s="2" t="s">
        <v>828</v>
      </c>
    </row>
    <row r="15" spans="1:12" x14ac:dyDescent="0.25">
      <c r="A15" s="4" t="s">
        <v>44</v>
      </c>
      <c r="B15" s="6" t="s">
        <v>829</v>
      </c>
      <c r="C15" s="2" t="s">
        <v>830</v>
      </c>
      <c r="D15" s="2" t="s">
        <v>831</v>
      </c>
      <c r="E15" s="2" t="s">
        <v>832</v>
      </c>
      <c r="F15" s="2" t="s">
        <v>833</v>
      </c>
      <c r="G15" s="2" t="s">
        <v>834</v>
      </c>
      <c r="H15" s="2" t="s">
        <v>835</v>
      </c>
      <c r="I15" s="2" t="s">
        <v>836</v>
      </c>
      <c r="J15" s="2" t="s">
        <v>837</v>
      </c>
      <c r="K15" s="2" t="s">
        <v>838</v>
      </c>
      <c r="L15" s="2" t="s">
        <v>839</v>
      </c>
    </row>
    <row r="16" spans="1:12" x14ac:dyDescent="0.25">
      <c r="A16" s="5" t="s">
        <v>53</v>
      </c>
      <c r="B16" s="7" t="s">
        <v>840</v>
      </c>
      <c r="C16" s="3" t="s">
        <v>841</v>
      </c>
      <c r="D16" s="3" t="s">
        <v>842</v>
      </c>
      <c r="E16" s="3" t="s">
        <v>843</v>
      </c>
      <c r="F16" s="3" t="s">
        <v>844</v>
      </c>
      <c r="G16" s="3" t="s">
        <v>845</v>
      </c>
      <c r="H16" s="3" t="s">
        <v>846</v>
      </c>
      <c r="I16" s="3" t="s">
        <v>847</v>
      </c>
      <c r="J16" s="3" t="s">
        <v>848</v>
      </c>
      <c r="K16" s="3" t="s">
        <v>849</v>
      </c>
      <c r="L16" s="3" t="s">
        <v>850</v>
      </c>
    </row>
    <row r="17" spans="1:12" x14ac:dyDescent="0.25">
      <c r="A17" s="4" t="s">
        <v>62</v>
      </c>
      <c r="B17" s="6" t="s">
        <v>851</v>
      </c>
      <c r="C17" s="2" t="s">
        <v>852</v>
      </c>
      <c r="D17" s="2" t="s">
        <v>853</v>
      </c>
      <c r="E17" s="2" t="s">
        <v>854</v>
      </c>
      <c r="F17" s="2" t="s">
        <v>855</v>
      </c>
      <c r="G17" s="2" t="s">
        <v>856</v>
      </c>
      <c r="H17" s="2" t="s">
        <v>857</v>
      </c>
      <c r="I17" s="2" t="s">
        <v>858</v>
      </c>
      <c r="J17" s="2" t="s">
        <v>859</v>
      </c>
      <c r="K17" s="2" t="s">
        <v>860</v>
      </c>
      <c r="L17" s="2" t="s">
        <v>861</v>
      </c>
    </row>
    <row r="18" spans="1:12" x14ac:dyDescent="0.25">
      <c r="A18" s="4" t="s">
        <v>65</v>
      </c>
      <c r="B18" s="6" t="s">
        <v>862</v>
      </c>
      <c r="C18" s="2" t="s">
        <v>863</v>
      </c>
      <c r="D18" s="2" t="s">
        <v>864</v>
      </c>
      <c r="E18" s="2" t="s">
        <v>865</v>
      </c>
      <c r="F18" s="2" t="s">
        <v>866</v>
      </c>
      <c r="G18" s="2" t="s">
        <v>867</v>
      </c>
      <c r="H18" s="2" t="s">
        <v>868</v>
      </c>
      <c r="I18" s="2" t="s">
        <v>869</v>
      </c>
      <c r="J18" s="2" t="s">
        <v>870</v>
      </c>
      <c r="K18" s="2" t="s">
        <v>871</v>
      </c>
      <c r="L18" s="2" t="s">
        <v>872</v>
      </c>
    </row>
    <row r="19" spans="1:12" x14ac:dyDescent="0.25">
      <c r="A19" s="4" t="s">
        <v>74</v>
      </c>
      <c r="B19" s="6" t="s">
        <v>873</v>
      </c>
      <c r="C19" s="2" t="s">
        <v>874</v>
      </c>
      <c r="D19" s="2" t="s">
        <v>874</v>
      </c>
      <c r="E19" s="2" t="s">
        <v>875</v>
      </c>
      <c r="F19" s="2" t="s">
        <v>876</v>
      </c>
      <c r="G19" s="2" t="s">
        <v>877</v>
      </c>
      <c r="H19" s="2" t="s">
        <v>878</v>
      </c>
      <c r="I19" s="2" t="s">
        <v>879</v>
      </c>
      <c r="J19" s="2" t="s">
        <v>880</v>
      </c>
      <c r="K19" s="2" t="s">
        <v>881</v>
      </c>
      <c r="L19" s="2" t="s">
        <v>882</v>
      </c>
    </row>
    <row r="20" spans="1:12" x14ac:dyDescent="0.25">
      <c r="A20" s="4" t="s">
        <v>76</v>
      </c>
      <c r="B20" s="6" t="s">
        <v>883</v>
      </c>
      <c r="C20" s="2" t="s">
        <v>884</v>
      </c>
      <c r="D20" s="2" t="s">
        <v>884</v>
      </c>
      <c r="E20" s="2" t="s">
        <v>885</v>
      </c>
      <c r="F20" s="2" t="s">
        <v>886</v>
      </c>
      <c r="G20" s="2" t="s">
        <v>887</v>
      </c>
      <c r="H20" s="2" t="s">
        <v>888</v>
      </c>
      <c r="I20" s="2" t="s">
        <v>889</v>
      </c>
      <c r="J20" s="2" t="s">
        <v>890</v>
      </c>
      <c r="K20" s="2" t="s">
        <v>891</v>
      </c>
      <c r="L20" s="2" t="s">
        <v>892</v>
      </c>
    </row>
    <row r="21" spans="1:12" x14ac:dyDescent="0.25">
      <c r="A21" s="4" t="s">
        <v>78</v>
      </c>
      <c r="B21" s="6" t="s">
        <v>893</v>
      </c>
      <c r="C21" s="2" t="s">
        <v>894</v>
      </c>
      <c r="D21" s="2" t="s">
        <v>895</v>
      </c>
      <c r="E21" s="2" t="s">
        <v>896</v>
      </c>
      <c r="F21" s="2" t="s">
        <v>897</v>
      </c>
      <c r="G21" s="2" t="s">
        <v>887</v>
      </c>
      <c r="H21" s="2" t="s">
        <v>898</v>
      </c>
      <c r="I21" s="2" t="s">
        <v>899</v>
      </c>
      <c r="J21" s="2" t="s">
        <v>900</v>
      </c>
      <c r="K21" s="2" t="s">
        <v>887</v>
      </c>
      <c r="L21" s="2" t="s">
        <v>901</v>
      </c>
    </row>
    <row r="22" spans="1:12" x14ac:dyDescent="0.25">
      <c r="A22" s="4" t="s">
        <v>80</v>
      </c>
      <c r="B22" s="6" t="s">
        <v>902</v>
      </c>
      <c r="C22" s="2" t="s">
        <v>903</v>
      </c>
      <c r="D22" s="2" t="s">
        <v>903</v>
      </c>
      <c r="E22" s="2" t="s">
        <v>64</v>
      </c>
      <c r="F22" s="2" t="s">
        <v>903</v>
      </c>
      <c r="G22" s="2" t="s">
        <v>891</v>
      </c>
      <c r="H22" s="2" t="s">
        <v>64</v>
      </c>
      <c r="I22" s="2" t="s">
        <v>904</v>
      </c>
      <c r="J22" s="2" t="s">
        <v>905</v>
      </c>
      <c r="K22" s="2" t="s">
        <v>64</v>
      </c>
      <c r="L22" s="2" t="s">
        <v>906</v>
      </c>
    </row>
    <row r="23" spans="1:12" x14ac:dyDescent="0.25">
      <c r="A23" s="5" t="s">
        <v>82</v>
      </c>
      <c r="B23" s="7" t="s">
        <v>907</v>
      </c>
      <c r="C23" s="3" t="s">
        <v>908</v>
      </c>
      <c r="D23" s="3" t="s">
        <v>909</v>
      </c>
      <c r="E23" s="3" t="s">
        <v>910</v>
      </c>
      <c r="F23" s="3" t="s">
        <v>911</v>
      </c>
      <c r="G23" s="3" t="s">
        <v>912</v>
      </c>
      <c r="H23" s="3" t="s">
        <v>913</v>
      </c>
      <c r="I23" s="3" t="s">
        <v>914</v>
      </c>
      <c r="J23" s="3" t="s">
        <v>915</v>
      </c>
      <c r="K23" s="3" t="s">
        <v>916</v>
      </c>
      <c r="L23" s="3" t="s">
        <v>917</v>
      </c>
    </row>
    <row r="24" spans="1:12" x14ac:dyDescent="0.25">
      <c r="A24" s="4" t="s">
        <v>91</v>
      </c>
      <c r="B24" s="6" t="s">
        <v>918</v>
      </c>
      <c r="C24" s="2" t="s">
        <v>919</v>
      </c>
      <c r="D24" s="2" t="s">
        <v>920</v>
      </c>
      <c r="E24" s="2" t="s">
        <v>921</v>
      </c>
      <c r="F24" s="2" t="s">
        <v>922</v>
      </c>
      <c r="G24" s="2" t="s">
        <v>923</v>
      </c>
      <c r="H24" s="2" t="s">
        <v>924</v>
      </c>
      <c r="I24" s="2" t="s">
        <v>925</v>
      </c>
      <c r="J24" s="2" t="s">
        <v>926</v>
      </c>
      <c r="K24" s="2" t="s">
        <v>927</v>
      </c>
      <c r="L24" s="2" t="s">
        <v>928</v>
      </c>
    </row>
    <row r="25" spans="1:12" x14ac:dyDescent="0.25">
      <c r="A25" s="4" t="s">
        <v>100</v>
      </c>
      <c r="B25" s="6" t="s">
        <v>929</v>
      </c>
      <c r="C25" s="2" t="s">
        <v>930</v>
      </c>
      <c r="D25" s="2" t="s">
        <v>931</v>
      </c>
      <c r="E25" s="2" t="s">
        <v>932</v>
      </c>
      <c r="F25" s="2" t="s">
        <v>933</v>
      </c>
      <c r="G25" s="2" t="s">
        <v>934</v>
      </c>
      <c r="H25" s="2" t="s">
        <v>935</v>
      </c>
      <c r="I25" s="2" t="s">
        <v>936</v>
      </c>
      <c r="J25" s="2" t="s">
        <v>937</v>
      </c>
      <c r="K25" s="2" t="s">
        <v>938</v>
      </c>
      <c r="L25" s="2" t="s">
        <v>939</v>
      </c>
    </row>
    <row r="26" spans="1:12" x14ac:dyDescent="0.25">
      <c r="A26" s="4" t="s">
        <v>109</v>
      </c>
      <c r="B26" s="6" t="s">
        <v>862</v>
      </c>
      <c r="C26" s="2" t="s">
        <v>940</v>
      </c>
      <c r="D26" s="2" t="s">
        <v>941</v>
      </c>
      <c r="E26" s="2" t="s">
        <v>942</v>
      </c>
      <c r="F26" s="2" t="s">
        <v>943</v>
      </c>
      <c r="G26" s="2" t="s">
        <v>944</v>
      </c>
      <c r="H26" s="2" t="s">
        <v>945</v>
      </c>
      <c r="I26" s="2" t="s">
        <v>946</v>
      </c>
      <c r="J26" s="2" t="s">
        <v>947</v>
      </c>
      <c r="K26" s="2" t="s">
        <v>948</v>
      </c>
      <c r="L26" s="2" t="s">
        <v>949</v>
      </c>
    </row>
    <row r="27" spans="1:12" x14ac:dyDescent="0.25">
      <c r="A27" s="4" t="s">
        <v>111</v>
      </c>
      <c r="B27" s="6" t="s">
        <v>883</v>
      </c>
      <c r="C27" s="2" t="s">
        <v>950</v>
      </c>
      <c r="D27" s="2" t="s">
        <v>951</v>
      </c>
      <c r="E27" s="2" t="s">
        <v>952</v>
      </c>
      <c r="F27" s="2" t="s">
        <v>953</v>
      </c>
      <c r="G27" s="2" t="s">
        <v>954</v>
      </c>
      <c r="H27" s="2" t="s">
        <v>955</v>
      </c>
      <c r="I27" s="2" t="s">
        <v>956</v>
      </c>
      <c r="J27" s="2" t="s">
        <v>957</v>
      </c>
      <c r="K27" s="2" t="s">
        <v>958</v>
      </c>
      <c r="L27" s="2" t="s">
        <v>959</v>
      </c>
    </row>
    <row r="28" spans="1:12" x14ac:dyDescent="0.25">
      <c r="A28" s="4" t="s">
        <v>119</v>
      </c>
      <c r="B28" s="6" t="s">
        <v>960</v>
      </c>
      <c r="C28" s="2" t="s">
        <v>961</v>
      </c>
      <c r="D28" s="2" t="s">
        <v>962</v>
      </c>
      <c r="E28" s="2" t="s">
        <v>963</v>
      </c>
      <c r="F28" s="2" t="s">
        <v>964</v>
      </c>
      <c r="G28" s="2" t="s">
        <v>965</v>
      </c>
      <c r="H28" s="2" t="s">
        <v>966</v>
      </c>
      <c r="I28" s="2" t="s">
        <v>967</v>
      </c>
      <c r="J28" s="2" t="s">
        <v>968</v>
      </c>
      <c r="K28" s="2" t="s">
        <v>969</v>
      </c>
      <c r="L28" s="2" t="s">
        <v>970</v>
      </c>
    </row>
    <row r="29" spans="1:12" x14ac:dyDescent="0.25">
      <c r="A29" s="4" t="s">
        <v>121</v>
      </c>
      <c r="B29" s="6" t="s">
        <v>902</v>
      </c>
      <c r="C29" s="2" t="s">
        <v>971</v>
      </c>
      <c r="D29" s="2" t="s">
        <v>972</v>
      </c>
      <c r="E29" s="2" t="s">
        <v>973</v>
      </c>
      <c r="F29" s="2" t="s">
        <v>974</v>
      </c>
      <c r="G29" s="2" t="s">
        <v>975</v>
      </c>
      <c r="H29" s="2" t="s">
        <v>976</v>
      </c>
      <c r="I29" s="2" t="s">
        <v>977</v>
      </c>
      <c r="J29" s="2" t="s">
        <v>978</v>
      </c>
      <c r="K29" s="2" t="s">
        <v>979</v>
      </c>
      <c r="L29" s="2" t="s">
        <v>980</v>
      </c>
    </row>
    <row r="30" spans="1:12" x14ac:dyDescent="0.25">
      <c r="A30" s="5" t="s">
        <v>128</v>
      </c>
      <c r="B30" s="7" t="s">
        <v>981</v>
      </c>
      <c r="C30" s="3" t="s">
        <v>982</v>
      </c>
      <c r="D30" s="3" t="s">
        <v>983</v>
      </c>
      <c r="E30" s="3" t="s">
        <v>984</v>
      </c>
      <c r="F30" s="3" t="s">
        <v>985</v>
      </c>
      <c r="G30" s="3" t="s">
        <v>986</v>
      </c>
      <c r="H30" s="3" t="s">
        <v>987</v>
      </c>
      <c r="I30" s="3" t="s">
        <v>988</v>
      </c>
      <c r="J30" s="3" t="s">
        <v>989</v>
      </c>
      <c r="K30" s="3" t="s">
        <v>990</v>
      </c>
      <c r="L30" s="3" t="s">
        <v>991</v>
      </c>
    </row>
    <row r="31" spans="1:12" x14ac:dyDescent="0.25">
      <c r="A31" s="4" t="s">
        <v>130</v>
      </c>
      <c r="B31" s="6" t="s">
        <v>862</v>
      </c>
      <c r="C31" s="2" t="s">
        <v>992</v>
      </c>
      <c r="D31" s="2" t="s">
        <v>993</v>
      </c>
      <c r="E31" s="2" t="s">
        <v>994</v>
      </c>
      <c r="F31" s="2" t="s">
        <v>995</v>
      </c>
      <c r="G31" s="2" t="s">
        <v>996</v>
      </c>
      <c r="H31" s="2" t="s">
        <v>997</v>
      </c>
      <c r="I31" s="2" t="s">
        <v>998</v>
      </c>
      <c r="J31" s="2" t="s">
        <v>999</v>
      </c>
      <c r="K31" s="2" t="s">
        <v>1000</v>
      </c>
      <c r="L31" s="2" t="s">
        <v>1001</v>
      </c>
    </row>
    <row r="32" spans="1:12" x14ac:dyDescent="0.25">
      <c r="A32" s="4" t="s">
        <v>132</v>
      </c>
      <c r="B32" s="6" t="s">
        <v>1002</v>
      </c>
      <c r="C32" s="2" t="s">
        <v>1003</v>
      </c>
      <c r="D32" s="2" t="s">
        <v>1004</v>
      </c>
      <c r="E32" s="2" t="s">
        <v>1005</v>
      </c>
      <c r="F32" s="2" t="s">
        <v>1006</v>
      </c>
      <c r="G32" s="2" t="s">
        <v>1007</v>
      </c>
      <c r="H32" s="2" t="s">
        <v>1008</v>
      </c>
      <c r="I32" s="2" t="s">
        <v>1009</v>
      </c>
      <c r="J32" s="2" t="s">
        <v>1010</v>
      </c>
      <c r="K32" s="2" t="s">
        <v>1011</v>
      </c>
      <c r="L32" s="2" t="s">
        <v>1012</v>
      </c>
    </row>
    <row r="33" spans="1:12" x14ac:dyDescent="0.25">
      <c r="A33" s="4" t="s">
        <v>134</v>
      </c>
      <c r="B33" s="6" t="s">
        <v>1013</v>
      </c>
      <c r="C33" s="2" t="s">
        <v>1014</v>
      </c>
      <c r="D33" s="2" t="s">
        <v>1015</v>
      </c>
      <c r="E33" s="2" t="s">
        <v>1016</v>
      </c>
      <c r="F33" s="2" t="s">
        <v>1017</v>
      </c>
      <c r="G33" s="2" t="s">
        <v>958</v>
      </c>
      <c r="H33" s="2" t="s">
        <v>1018</v>
      </c>
      <c r="I33" s="2" t="s">
        <v>1019</v>
      </c>
      <c r="J33" s="2" t="s">
        <v>1020</v>
      </c>
      <c r="K33" s="2" t="s">
        <v>1021</v>
      </c>
      <c r="L33" s="2" t="s">
        <v>1022</v>
      </c>
    </row>
    <row r="34" spans="1:12" x14ac:dyDescent="0.25">
      <c r="A34" s="4" t="s">
        <v>143</v>
      </c>
      <c r="B34" s="6" t="s">
        <v>1023</v>
      </c>
      <c r="C34" s="2" t="s">
        <v>1024</v>
      </c>
      <c r="D34" s="2" t="s">
        <v>1025</v>
      </c>
      <c r="E34" s="2" t="s">
        <v>64</v>
      </c>
      <c r="F34" s="2" t="s">
        <v>1026</v>
      </c>
      <c r="G34" s="2" t="s">
        <v>64</v>
      </c>
      <c r="H34" s="2" t="s">
        <v>1027</v>
      </c>
      <c r="I34" s="2" t="s">
        <v>64</v>
      </c>
      <c r="J34" s="2" t="s">
        <v>1028</v>
      </c>
      <c r="K34" s="2" t="s">
        <v>64</v>
      </c>
      <c r="L34" s="2" t="s">
        <v>1029</v>
      </c>
    </row>
    <row r="35" spans="1:12" x14ac:dyDescent="0.25">
      <c r="A35" s="5" t="s">
        <v>152</v>
      </c>
      <c r="B35" s="7" t="s">
        <v>1030</v>
      </c>
      <c r="C35" s="3" t="s">
        <v>1031</v>
      </c>
      <c r="D35" s="3" t="s">
        <v>1032</v>
      </c>
      <c r="E35" s="3" t="s">
        <v>1033</v>
      </c>
      <c r="F35" s="3" t="s">
        <v>1034</v>
      </c>
      <c r="G35" s="3" t="s">
        <v>1035</v>
      </c>
      <c r="H35" s="3" t="s">
        <v>1036</v>
      </c>
      <c r="I35" s="3" t="s">
        <v>1037</v>
      </c>
      <c r="J35" s="3" t="s">
        <v>1038</v>
      </c>
      <c r="K35" s="3" t="s">
        <v>1039</v>
      </c>
      <c r="L35" s="3" t="s">
        <v>1040</v>
      </c>
    </row>
    <row r="36" spans="1:12" x14ac:dyDescent="0.25">
      <c r="A36" s="4" t="s">
        <v>160</v>
      </c>
      <c r="B36" s="6" t="s">
        <v>1041</v>
      </c>
      <c r="C36" s="2" t="s">
        <v>1042</v>
      </c>
      <c r="D36" s="2" t="s">
        <v>1043</v>
      </c>
      <c r="E36" s="2" t="s">
        <v>1044</v>
      </c>
      <c r="F36" s="2" t="s">
        <v>1045</v>
      </c>
      <c r="G36" s="2" t="s">
        <v>1046</v>
      </c>
      <c r="H36" s="2" t="s">
        <v>1047</v>
      </c>
      <c r="I36" s="2" t="s">
        <v>1048</v>
      </c>
      <c r="J36" s="2" t="s">
        <v>1049</v>
      </c>
      <c r="K36" s="2" t="s">
        <v>1050</v>
      </c>
      <c r="L36" s="2" t="s">
        <v>1051</v>
      </c>
    </row>
    <row r="37" spans="1:12" x14ac:dyDescent="0.25">
      <c r="A37" s="4" t="s">
        <v>168</v>
      </c>
      <c r="B37" s="6" t="s">
        <v>1052</v>
      </c>
      <c r="C37" s="2" t="s">
        <v>1053</v>
      </c>
      <c r="D37" s="2" t="s">
        <v>1054</v>
      </c>
      <c r="E37" s="2" t="s">
        <v>1055</v>
      </c>
      <c r="F37" s="2" t="s">
        <v>1056</v>
      </c>
      <c r="G37" s="2" t="s">
        <v>891</v>
      </c>
      <c r="H37" s="2" t="s">
        <v>1057</v>
      </c>
      <c r="I37" s="2" t="s">
        <v>1058</v>
      </c>
      <c r="J37" s="2" t="s">
        <v>1059</v>
      </c>
      <c r="K37" s="2" t="s">
        <v>891</v>
      </c>
      <c r="L37" s="2" t="s">
        <v>1060</v>
      </c>
    </row>
    <row r="38" spans="1:12" x14ac:dyDescent="0.25">
      <c r="A38" s="4" t="s">
        <v>170</v>
      </c>
      <c r="B38" s="6" t="s">
        <v>1061</v>
      </c>
      <c r="C38" s="2" t="s">
        <v>64</v>
      </c>
      <c r="D38" s="2" t="s">
        <v>64</v>
      </c>
      <c r="E38" s="2" t="s">
        <v>64</v>
      </c>
      <c r="F38" s="2" t="s">
        <v>64</v>
      </c>
      <c r="G38" s="2" t="s">
        <v>64</v>
      </c>
      <c r="H38" s="2" t="s">
        <v>64</v>
      </c>
      <c r="I38" s="2" t="s">
        <v>64</v>
      </c>
      <c r="J38" s="2" t="s">
        <v>64</v>
      </c>
      <c r="K38" s="2" t="s">
        <v>64</v>
      </c>
      <c r="L38" s="2" t="s">
        <v>64</v>
      </c>
    </row>
    <row r="39" spans="1:12" x14ac:dyDescent="0.25">
      <c r="A39" s="5" t="s">
        <v>178</v>
      </c>
      <c r="B39" s="7" t="s">
        <v>1062</v>
      </c>
      <c r="C39" s="3" t="s">
        <v>1063</v>
      </c>
      <c r="D39" s="3" t="s">
        <v>1064</v>
      </c>
      <c r="E39" s="3" t="s">
        <v>1065</v>
      </c>
      <c r="F39" s="3" t="s">
        <v>1066</v>
      </c>
      <c r="G39" s="3" t="s">
        <v>1067</v>
      </c>
      <c r="H39" s="3" t="s">
        <v>1068</v>
      </c>
      <c r="I39" s="3" t="s">
        <v>1069</v>
      </c>
      <c r="J39" s="3" t="s">
        <v>1070</v>
      </c>
      <c r="K39" s="3" t="s">
        <v>1071</v>
      </c>
      <c r="L39" s="3" t="s">
        <v>1072</v>
      </c>
    </row>
    <row r="40" spans="1:12" x14ac:dyDescent="0.25">
      <c r="A40" s="4" t="s">
        <v>187</v>
      </c>
      <c r="B40" s="6" t="s">
        <v>1073</v>
      </c>
      <c r="C40" s="2" t="s">
        <v>1074</v>
      </c>
      <c r="D40" s="2" t="s">
        <v>1074</v>
      </c>
      <c r="E40" s="2" t="s">
        <v>64</v>
      </c>
      <c r="F40" s="2" t="s">
        <v>64</v>
      </c>
      <c r="G40" s="2" t="s">
        <v>64</v>
      </c>
      <c r="H40" s="2" t="s">
        <v>1074</v>
      </c>
      <c r="I40" s="2" t="s">
        <v>64</v>
      </c>
      <c r="J40" s="2" t="s">
        <v>64</v>
      </c>
      <c r="K40" s="2" t="s">
        <v>64</v>
      </c>
      <c r="L40" s="2" t="s">
        <v>1074</v>
      </c>
    </row>
    <row r="41" spans="1:12" x14ac:dyDescent="0.25">
      <c r="A41" s="4" t="s">
        <v>196</v>
      </c>
      <c r="B41" s="6" t="s">
        <v>1075</v>
      </c>
      <c r="C41" s="2" t="s">
        <v>1076</v>
      </c>
      <c r="D41" s="2" t="s">
        <v>1077</v>
      </c>
      <c r="E41" s="2" t="s">
        <v>1078</v>
      </c>
      <c r="F41" s="2" t="s">
        <v>1079</v>
      </c>
      <c r="G41" s="2" t="s">
        <v>1080</v>
      </c>
      <c r="H41" s="2" t="s">
        <v>1081</v>
      </c>
      <c r="I41" s="2" t="s">
        <v>1082</v>
      </c>
      <c r="J41" s="2" t="s">
        <v>1083</v>
      </c>
      <c r="K41" s="2" t="s">
        <v>1084</v>
      </c>
      <c r="L41" s="2" t="s">
        <v>1085</v>
      </c>
    </row>
    <row r="42" spans="1:12" x14ac:dyDescent="0.25">
      <c r="A42" s="4" t="s">
        <v>198</v>
      </c>
      <c r="B42" s="6" t="s">
        <v>1086</v>
      </c>
      <c r="C42" s="2" t="s">
        <v>1087</v>
      </c>
      <c r="D42" s="2" t="s">
        <v>1088</v>
      </c>
      <c r="E42" s="2" t="s">
        <v>1089</v>
      </c>
      <c r="F42" s="2" t="s">
        <v>1090</v>
      </c>
      <c r="G42" s="2" t="s">
        <v>948</v>
      </c>
      <c r="H42" s="2" t="s">
        <v>1091</v>
      </c>
      <c r="I42" s="2" t="s">
        <v>1092</v>
      </c>
      <c r="J42" s="2" t="s">
        <v>1093</v>
      </c>
      <c r="K42" s="2" t="s">
        <v>1094</v>
      </c>
      <c r="L42" s="2" t="s">
        <v>1095</v>
      </c>
    </row>
    <row r="43" spans="1:12" x14ac:dyDescent="0.25">
      <c r="A43" s="4" t="s">
        <v>206</v>
      </c>
      <c r="B43" s="6" t="s">
        <v>960</v>
      </c>
      <c r="C43" s="2" t="s">
        <v>1096</v>
      </c>
      <c r="D43" s="2" t="s">
        <v>1097</v>
      </c>
      <c r="E43" s="2" t="s">
        <v>1098</v>
      </c>
      <c r="F43" s="2" t="s">
        <v>1099</v>
      </c>
      <c r="G43" s="2" t="s">
        <v>64</v>
      </c>
      <c r="H43" s="2" t="s">
        <v>1100</v>
      </c>
      <c r="I43" s="2" t="s">
        <v>1101</v>
      </c>
      <c r="J43" s="2" t="s">
        <v>1102</v>
      </c>
      <c r="K43" s="2" t="s">
        <v>64</v>
      </c>
      <c r="L43" s="2" t="s">
        <v>1103</v>
      </c>
    </row>
    <row r="44" spans="1:12" x14ac:dyDescent="0.25">
      <c r="A44" s="4" t="s">
        <v>214</v>
      </c>
      <c r="B44" s="6" t="s">
        <v>1104</v>
      </c>
      <c r="C44" s="2" t="s">
        <v>1105</v>
      </c>
      <c r="D44" s="2" t="s">
        <v>1106</v>
      </c>
      <c r="E44" s="2" t="s">
        <v>1107</v>
      </c>
      <c r="F44" s="2" t="s">
        <v>1108</v>
      </c>
      <c r="G44" s="2" t="s">
        <v>64</v>
      </c>
      <c r="H44" s="2" t="s">
        <v>1109</v>
      </c>
      <c r="I44" s="2" t="s">
        <v>1110</v>
      </c>
      <c r="J44" s="2" t="s">
        <v>1108</v>
      </c>
      <c r="K44" s="2" t="s">
        <v>64</v>
      </c>
      <c r="L44" s="2" t="s">
        <v>1109</v>
      </c>
    </row>
    <row r="45" spans="1:12" x14ac:dyDescent="0.25">
      <c r="A45" s="5" t="s">
        <v>222</v>
      </c>
      <c r="B45" s="7" t="s">
        <v>1111</v>
      </c>
      <c r="C45" s="3" t="s">
        <v>1112</v>
      </c>
      <c r="D45" s="3" t="s">
        <v>1113</v>
      </c>
      <c r="E45" s="3" t="s">
        <v>1114</v>
      </c>
      <c r="F45" s="3" t="s">
        <v>1115</v>
      </c>
      <c r="G45" s="3" t="s">
        <v>1116</v>
      </c>
      <c r="H45" s="3" t="s">
        <v>1117</v>
      </c>
      <c r="I45" s="3" t="s">
        <v>1118</v>
      </c>
      <c r="J45" s="3" t="s">
        <v>1119</v>
      </c>
      <c r="K45" s="3" t="s">
        <v>1120</v>
      </c>
      <c r="L45" s="3" t="s">
        <v>1121</v>
      </c>
    </row>
    <row r="46" spans="1:12" x14ac:dyDescent="0.25">
      <c r="A46" s="4" t="s">
        <v>230</v>
      </c>
      <c r="B46" s="6" t="s">
        <v>1122</v>
      </c>
      <c r="C46" s="2" t="s">
        <v>1112</v>
      </c>
      <c r="D46" s="2" t="s">
        <v>1113</v>
      </c>
      <c r="E46" s="2" t="s">
        <v>1114</v>
      </c>
      <c r="F46" s="2" t="s">
        <v>1115</v>
      </c>
      <c r="G46" s="2" t="s">
        <v>1116</v>
      </c>
      <c r="H46" s="2" t="s">
        <v>1117</v>
      </c>
      <c r="I46" s="2" t="s">
        <v>1118</v>
      </c>
      <c r="J46" s="2" t="s">
        <v>1119</v>
      </c>
      <c r="K46" s="2" t="s">
        <v>1120</v>
      </c>
      <c r="L46" s="2" t="s">
        <v>1121</v>
      </c>
    </row>
    <row r="47" spans="1:12" x14ac:dyDescent="0.25">
      <c r="A47" s="5" t="s">
        <v>232</v>
      </c>
      <c r="B47" s="7" t="s">
        <v>1123</v>
      </c>
      <c r="C47" s="3" t="s">
        <v>1124</v>
      </c>
      <c r="D47" s="3" t="s">
        <v>1125</v>
      </c>
      <c r="E47" s="3" t="s">
        <v>1126</v>
      </c>
      <c r="F47" s="3" t="s">
        <v>1127</v>
      </c>
      <c r="G47" s="3" t="s">
        <v>1128</v>
      </c>
      <c r="H47" s="3" t="s">
        <v>1129</v>
      </c>
      <c r="I47" s="3" t="s">
        <v>1130</v>
      </c>
      <c r="J47" s="3" t="s">
        <v>1131</v>
      </c>
      <c r="K47" s="3" t="s">
        <v>1132</v>
      </c>
      <c r="L47" s="3" t="s">
        <v>1133</v>
      </c>
    </row>
    <row r="48" spans="1:12" x14ac:dyDescent="0.25">
      <c r="A48" s="4" t="s">
        <v>234</v>
      </c>
      <c r="B48" s="6" t="s">
        <v>1134</v>
      </c>
      <c r="C48" s="2" t="s">
        <v>64</v>
      </c>
      <c r="D48" s="2" t="s">
        <v>64</v>
      </c>
      <c r="E48" s="2" t="s">
        <v>64</v>
      </c>
      <c r="F48" s="2" t="s">
        <v>64</v>
      </c>
      <c r="G48" s="2" t="s">
        <v>64</v>
      </c>
      <c r="H48" s="2" t="s">
        <v>64</v>
      </c>
      <c r="I48" s="2" t="s">
        <v>64</v>
      </c>
      <c r="J48" s="2" t="s">
        <v>64</v>
      </c>
      <c r="K48" s="2" t="s">
        <v>64</v>
      </c>
      <c r="L48" s="2" t="s">
        <v>64</v>
      </c>
    </row>
    <row r="49" spans="1:12" x14ac:dyDescent="0.25">
      <c r="A49" s="4" t="s">
        <v>243</v>
      </c>
      <c r="B49" s="6" t="s">
        <v>862</v>
      </c>
      <c r="C49" s="2" t="s">
        <v>1135</v>
      </c>
      <c r="D49" s="2" t="s">
        <v>1136</v>
      </c>
      <c r="E49" s="2" t="s">
        <v>1137</v>
      </c>
      <c r="F49" s="2" t="s">
        <v>1138</v>
      </c>
      <c r="G49" s="2" t="s">
        <v>1139</v>
      </c>
      <c r="H49" s="2" t="s">
        <v>1140</v>
      </c>
      <c r="I49" s="2" t="s">
        <v>1141</v>
      </c>
      <c r="J49" s="2" t="s">
        <v>1142</v>
      </c>
      <c r="K49" s="2" t="s">
        <v>1143</v>
      </c>
      <c r="L49" s="2" t="s">
        <v>1144</v>
      </c>
    </row>
    <row r="50" spans="1:12" x14ac:dyDescent="0.25">
      <c r="A50" s="4" t="s">
        <v>252</v>
      </c>
      <c r="B50" s="6" t="s">
        <v>1013</v>
      </c>
      <c r="C50" s="2" t="s">
        <v>64</v>
      </c>
      <c r="D50" s="2" t="s">
        <v>64</v>
      </c>
      <c r="E50" s="2" t="s">
        <v>64</v>
      </c>
      <c r="F50" s="2" t="s">
        <v>64</v>
      </c>
      <c r="G50" s="2" t="s">
        <v>64</v>
      </c>
      <c r="H50" s="2" t="s">
        <v>64</v>
      </c>
      <c r="I50" s="2" t="s">
        <v>64</v>
      </c>
      <c r="J50" s="2" t="s">
        <v>64</v>
      </c>
      <c r="K50" s="2" t="s">
        <v>64</v>
      </c>
      <c r="L50" s="2" t="s">
        <v>64</v>
      </c>
    </row>
    <row r="51" spans="1:12" x14ac:dyDescent="0.25">
      <c r="A51" s="4" t="s">
        <v>261</v>
      </c>
      <c r="B51" s="6" t="s">
        <v>883</v>
      </c>
      <c r="C51" s="2" t="s">
        <v>1145</v>
      </c>
      <c r="D51" s="2" t="s">
        <v>1146</v>
      </c>
      <c r="E51" s="2" t="s">
        <v>1147</v>
      </c>
      <c r="F51" s="2" t="s">
        <v>1148</v>
      </c>
      <c r="G51" s="2" t="s">
        <v>887</v>
      </c>
      <c r="H51" s="2" t="s">
        <v>1149</v>
      </c>
      <c r="I51" s="2" t="s">
        <v>1150</v>
      </c>
      <c r="J51" s="2" t="s">
        <v>1151</v>
      </c>
      <c r="K51" s="2" t="s">
        <v>891</v>
      </c>
      <c r="L51" s="2" t="s">
        <v>1152</v>
      </c>
    </row>
    <row r="52" spans="1:12" x14ac:dyDescent="0.25">
      <c r="A52" s="4" t="s">
        <v>263</v>
      </c>
      <c r="B52" s="6" t="s">
        <v>1073</v>
      </c>
      <c r="C52" s="2" t="s">
        <v>64</v>
      </c>
      <c r="D52" s="2" t="s">
        <v>64</v>
      </c>
      <c r="E52" s="2" t="s">
        <v>64</v>
      </c>
      <c r="F52" s="2" t="s">
        <v>64</v>
      </c>
      <c r="G52" s="2" t="s">
        <v>64</v>
      </c>
      <c r="H52" s="2" t="s">
        <v>64</v>
      </c>
      <c r="I52" s="2" t="s">
        <v>64</v>
      </c>
      <c r="J52" s="2" t="s">
        <v>64</v>
      </c>
      <c r="K52" s="2" t="s">
        <v>64</v>
      </c>
      <c r="L52" s="2" t="s">
        <v>64</v>
      </c>
    </row>
    <row r="53" spans="1:12" x14ac:dyDescent="0.25">
      <c r="A53" s="4" t="s">
        <v>272</v>
      </c>
      <c r="B53" s="6" t="s">
        <v>1153</v>
      </c>
      <c r="C53" s="2" t="s">
        <v>1154</v>
      </c>
      <c r="D53" s="2" t="s">
        <v>1155</v>
      </c>
      <c r="E53" s="2" t="s">
        <v>1156</v>
      </c>
      <c r="F53" s="2" t="s">
        <v>1157</v>
      </c>
      <c r="G53" s="2" t="s">
        <v>1158</v>
      </c>
      <c r="H53" s="2" t="s">
        <v>1159</v>
      </c>
      <c r="I53" s="2" t="s">
        <v>1160</v>
      </c>
      <c r="J53" s="2" t="s">
        <v>1161</v>
      </c>
      <c r="K53" s="2" t="s">
        <v>1162</v>
      </c>
      <c r="L53" s="2" t="s">
        <v>1163</v>
      </c>
    </row>
    <row r="54" spans="1:12" x14ac:dyDescent="0.25">
      <c r="A54" s="4" t="s">
        <v>281</v>
      </c>
      <c r="B54" s="6" t="s">
        <v>1164</v>
      </c>
      <c r="C54" s="2" t="s">
        <v>1165</v>
      </c>
      <c r="D54" s="2" t="s">
        <v>1166</v>
      </c>
      <c r="E54" s="2" t="s">
        <v>1167</v>
      </c>
      <c r="F54" s="2" t="s">
        <v>1168</v>
      </c>
      <c r="G54" s="2" t="s">
        <v>1169</v>
      </c>
      <c r="H54" s="2" t="s">
        <v>1170</v>
      </c>
      <c r="I54" s="2" t="s">
        <v>1171</v>
      </c>
      <c r="J54" s="2" t="s">
        <v>1172</v>
      </c>
      <c r="K54" s="2" t="s">
        <v>1173</v>
      </c>
      <c r="L54" s="2" t="s">
        <v>1174</v>
      </c>
    </row>
    <row r="55" spans="1:12" x14ac:dyDescent="0.25">
      <c r="A55" s="4" t="s">
        <v>289</v>
      </c>
      <c r="B55" s="6" t="s">
        <v>1175</v>
      </c>
      <c r="C55" s="2" t="s">
        <v>1176</v>
      </c>
      <c r="D55" s="2" t="s">
        <v>1177</v>
      </c>
      <c r="E55" s="2" t="s">
        <v>1178</v>
      </c>
      <c r="F55" s="2" t="s">
        <v>1179</v>
      </c>
      <c r="G55" s="2" t="s">
        <v>1180</v>
      </c>
      <c r="H55" s="2" t="s">
        <v>1181</v>
      </c>
      <c r="I55" s="2" t="s">
        <v>1182</v>
      </c>
      <c r="J55" s="2" t="s">
        <v>1183</v>
      </c>
      <c r="K55" s="2" t="s">
        <v>1184</v>
      </c>
      <c r="L55" s="2" t="s">
        <v>1185</v>
      </c>
    </row>
    <row r="56" spans="1:12" x14ac:dyDescent="0.25">
      <c r="A56" s="4" t="s">
        <v>295</v>
      </c>
      <c r="B56" s="6" t="s">
        <v>1186</v>
      </c>
      <c r="C56" s="2" t="s">
        <v>64</v>
      </c>
      <c r="D56" s="2" t="s">
        <v>64</v>
      </c>
      <c r="E56" s="2" t="s">
        <v>64</v>
      </c>
      <c r="F56" s="2" t="s">
        <v>64</v>
      </c>
      <c r="G56" s="2" t="s">
        <v>64</v>
      </c>
      <c r="H56" s="2" t="s">
        <v>64</v>
      </c>
      <c r="I56" s="2" t="s">
        <v>64</v>
      </c>
      <c r="J56" s="2" t="s">
        <v>64</v>
      </c>
      <c r="K56" s="2" t="s">
        <v>64</v>
      </c>
      <c r="L56" s="2" t="s">
        <v>64</v>
      </c>
    </row>
    <row r="57" spans="1:12" x14ac:dyDescent="0.25">
      <c r="A57" s="4" t="s">
        <v>298</v>
      </c>
      <c r="B57" s="6" t="s">
        <v>1187</v>
      </c>
      <c r="C57" s="2" t="s">
        <v>1188</v>
      </c>
      <c r="D57" s="2" t="s">
        <v>1189</v>
      </c>
      <c r="E57" s="2" t="s">
        <v>1190</v>
      </c>
      <c r="F57" s="2" t="s">
        <v>1191</v>
      </c>
      <c r="G57" s="2" t="s">
        <v>1192</v>
      </c>
      <c r="H57" s="2" t="s">
        <v>1193</v>
      </c>
      <c r="I57" s="2" t="s">
        <v>1194</v>
      </c>
      <c r="J57" s="2" t="s">
        <v>1195</v>
      </c>
      <c r="K57" s="2" t="s">
        <v>1021</v>
      </c>
      <c r="L57" s="2" t="s">
        <v>1196</v>
      </c>
    </row>
    <row r="58" spans="1:12" x14ac:dyDescent="0.25">
      <c r="A58" s="4" t="s">
        <v>307</v>
      </c>
      <c r="B58" s="6" t="s">
        <v>1197</v>
      </c>
      <c r="C58" s="2" t="s">
        <v>64</v>
      </c>
      <c r="D58" s="2" t="s">
        <v>64</v>
      </c>
      <c r="E58" s="2" t="s">
        <v>64</v>
      </c>
      <c r="F58" s="2" t="s">
        <v>64</v>
      </c>
      <c r="G58" s="2" t="s">
        <v>64</v>
      </c>
      <c r="H58" s="2" t="s">
        <v>64</v>
      </c>
      <c r="I58" s="2" t="s">
        <v>64</v>
      </c>
      <c r="J58" s="2" t="s">
        <v>64</v>
      </c>
      <c r="K58" s="2" t="s">
        <v>64</v>
      </c>
      <c r="L58" s="2" t="s">
        <v>64</v>
      </c>
    </row>
    <row r="59" spans="1:12" x14ac:dyDescent="0.25">
      <c r="A59" s="4" t="s">
        <v>314</v>
      </c>
      <c r="B59" s="6" t="s">
        <v>1198</v>
      </c>
      <c r="C59" s="2" t="s">
        <v>1199</v>
      </c>
      <c r="D59" s="2" t="s">
        <v>1200</v>
      </c>
      <c r="E59" s="2" t="s">
        <v>1201</v>
      </c>
      <c r="F59" s="2" t="s">
        <v>1202</v>
      </c>
      <c r="G59" s="2" t="s">
        <v>891</v>
      </c>
      <c r="H59" s="2" t="s">
        <v>1203</v>
      </c>
      <c r="I59" s="2" t="s">
        <v>1204</v>
      </c>
      <c r="J59" s="2" t="s">
        <v>1205</v>
      </c>
      <c r="K59" s="2" t="s">
        <v>891</v>
      </c>
      <c r="L59" s="2" t="s">
        <v>1206</v>
      </c>
    </row>
    <row r="60" spans="1:12" x14ac:dyDescent="0.25">
      <c r="A60" s="4" t="s">
        <v>322</v>
      </c>
      <c r="B60" s="6" t="s">
        <v>1207</v>
      </c>
      <c r="C60" s="2" t="s">
        <v>64</v>
      </c>
      <c r="D60" s="2" t="s">
        <v>64</v>
      </c>
      <c r="E60" s="2" t="s">
        <v>64</v>
      </c>
      <c r="F60" s="2" t="s">
        <v>64</v>
      </c>
      <c r="G60" s="2" t="s">
        <v>64</v>
      </c>
      <c r="H60" s="2" t="s">
        <v>64</v>
      </c>
      <c r="I60" s="2" t="s">
        <v>64</v>
      </c>
      <c r="J60" s="2" t="s">
        <v>64</v>
      </c>
      <c r="K60" s="2" t="s">
        <v>64</v>
      </c>
      <c r="L60" s="2" t="s">
        <v>64</v>
      </c>
    </row>
    <row r="61" spans="1:12" x14ac:dyDescent="0.25">
      <c r="A61" s="4" t="s">
        <v>324</v>
      </c>
      <c r="B61" s="6" t="s">
        <v>1208</v>
      </c>
      <c r="C61" s="2" t="s">
        <v>64</v>
      </c>
      <c r="D61" s="2" t="s">
        <v>64</v>
      </c>
      <c r="E61" s="2" t="s">
        <v>64</v>
      </c>
      <c r="F61" s="2" t="s">
        <v>64</v>
      </c>
      <c r="G61" s="2" t="s">
        <v>64</v>
      </c>
      <c r="H61" s="2" t="s">
        <v>64</v>
      </c>
      <c r="I61" s="2" t="s">
        <v>64</v>
      </c>
      <c r="J61" s="2" t="s">
        <v>64</v>
      </c>
      <c r="K61" s="2" t="s">
        <v>64</v>
      </c>
      <c r="L61" s="2" t="s">
        <v>64</v>
      </c>
    </row>
    <row r="62" spans="1:12" x14ac:dyDescent="0.25">
      <c r="A62" s="4" t="s">
        <v>333</v>
      </c>
      <c r="B62" s="6" t="s">
        <v>960</v>
      </c>
      <c r="C62" s="2" t="s">
        <v>1209</v>
      </c>
      <c r="D62" s="2" t="s">
        <v>1210</v>
      </c>
      <c r="E62" s="2" t="s">
        <v>1211</v>
      </c>
      <c r="F62" s="2" t="s">
        <v>1212</v>
      </c>
      <c r="G62" s="2" t="s">
        <v>64</v>
      </c>
      <c r="H62" s="2" t="s">
        <v>1213</v>
      </c>
      <c r="I62" s="2" t="s">
        <v>1214</v>
      </c>
      <c r="J62" s="2" t="s">
        <v>1215</v>
      </c>
      <c r="K62" s="2" t="s">
        <v>64</v>
      </c>
      <c r="L62" s="2" t="s">
        <v>1216</v>
      </c>
    </row>
    <row r="63" spans="1:12" x14ac:dyDescent="0.25">
      <c r="A63" s="4" t="s">
        <v>342</v>
      </c>
      <c r="B63" s="6" t="s">
        <v>1217</v>
      </c>
      <c r="C63" s="2" t="s">
        <v>1218</v>
      </c>
      <c r="D63" s="2" t="s">
        <v>1218</v>
      </c>
      <c r="E63" s="2" t="s">
        <v>1219</v>
      </c>
      <c r="F63" s="2" t="s">
        <v>1220</v>
      </c>
      <c r="G63" s="2" t="s">
        <v>1221</v>
      </c>
      <c r="H63" s="2" t="s">
        <v>1222</v>
      </c>
      <c r="I63" s="2" t="s">
        <v>1223</v>
      </c>
      <c r="J63" s="2" t="s">
        <v>1224</v>
      </c>
      <c r="K63" s="2" t="s">
        <v>1221</v>
      </c>
      <c r="L63" s="2" t="s">
        <v>1225</v>
      </c>
    </row>
    <row r="64" spans="1:12" x14ac:dyDescent="0.25">
      <c r="A64" s="4" t="s">
        <v>350</v>
      </c>
      <c r="B64" s="6" t="s">
        <v>1226</v>
      </c>
      <c r="C64" s="2" t="s">
        <v>64</v>
      </c>
      <c r="D64" s="2" t="s">
        <v>64</v>
      </c>
      <c r="E64" s="2" t="s">
        <v>64</v>
      </c>
      <c r="F64" s="2" t="s">
        <v>64</v>
      </c>
      <c r="G64" s="2" t="s">
        <v>64</v>
      </c>
      <c r="H64" s="2" t="s">
        <v>64</v>
      </c>
      <c r="I64" s="2" t="s">
        <v>64</v>
      </c>
      <c r="J64" s="2" t="s">
        <v>64</v>
      </c>
      <c r="K64" s="2" t="s">
        <v>64</v>
      </c>
      <c r="L64" s="2" t="s">
        <v>64</v>
      </c>
    </row>
    <row r="65" spans="1:12" x14ac:dyDescent="0.25">
      <c r="A65" s="4" t="s">
        <v>358</v>
      </c>
      <c r="B65" s="6" t="s">
        <v>1104</v>
      </c>
      <c r="C65" s="2" t="s">
        <v>1227</v>
      </c>
      <c r="D65" s="2" t="s">
        <v>1228</v>
      </c>
      <c r="E65" s="2" t="s">
        <v>1229</v>
      </c>
      <c r="F65" s="2" t="s">
        <v>1230</v>
      </c>
      <c r="G65" s="2" t="s">
        <v>891</v>
      </c>
      <c r="H65" s="2" t="s">
        <v>1231</v>
      </c>
      <c r="I65" s="2" t="s">
        <v>1229</v>
      </c>
      <c r="J65" s="2" t="s">
        <v>1230</v>
      </c>
      <c r="K65" s="2" t="s">
        <v>891</v>
      </c>
      <c r="L65" s="2" t="s">
        <v>1231</v>
      </c>
    </row>
    <row r="66" spans="1:12" x14ac:dyDescent="0.25">
      <c r="A66" s="5" t="s">
        <v>362</v>
      </c>
      <c r="B66" s="7" t="s">
        <v>1232</v>
      </c>
      <c r="C66" s="3" t="s">
        <v>1233</v>
      </c>
      <c r="D66" s="3" t="s">
        <v>1234</v>
      </c>
      <c r="E66" s="3" t="s">
        <v>1235</v>
      </c>
      <c r="F66" s="3" t="s">
        <v>1236</v>
      </c>
      <c r="G66" s="3" t="s">
        <v>1237</v>
      </c>
      <c r="H66" s="3" t="s">
        <v>1238</v>
      </c>
      <c r="I66" s="3" t="s">
        <v>1239</v>
      </c>
      <c r="J66" s="3" t="s">
        <v>1240</v>
      </c>
      <c r="K66" s="3" t="s">
        <v>1241</v>
      </c>
      <c r="L66" s="3" t="s">
        <v>1242</v>
      </c>
    </row>
    <row r="67" spans="1:12" x14ac:dyDescent="0.25">
      <c r="A67" s="4" t="s">
        <v>369</v>
      </c>
      <c r="B67" s="6" t="s">
        <v>862</v>
      </c>
      <c r="C67" s="2" t="s">
        <v>1243</v>
      </c>
      <c r="D67" s="2" t="s">
        <v>1244</v>
      </c>
      <c r="E67" s="2" t="s">
        <v>1245</v>
      </c>
      <c r="F67" s="2" t="s">
        <v>1246</v>
      </c>
      <c r="G67" s="2" t="s">
        <v>1237</v>
      </c>
      <c r="H67" s="2" t="s">
        <v>1247</v>
      </c>
      <c r="I67" s="2" t="s">
        <v>1248</v>
      </c>
      <c r="J67" s="2" t="s">
        <v>1249</v>
      </c>
      <c r="K67" s="2" t="s">
        <v>1241</v>
      </c>
      <c r="L67" s="2" t="s">
        <v>1250</v>
      </c>
    </row>
    <row r="68" spans="1:12" x14ac:dyDescent="0.25">
      <c r="A68" s="4" t="s">
        <v>370</v>
      </c>
      <c r="B68" s="6" t="s">
        <v>1251</v>
      </c>
      <c r="C68" s="2" t="s">
        <v>1252</v>
      </c>
      <c r="D68" s="2" t="s">
        <v>1253</v>
      </c>
      <c r="E68" s="2" t="s">
        <v>1254</v>
      </c>
      <c r="F68" s="2" t="s">
        <v>1255</v>
      </c>
      <c r="G68" s="2" t="s">
        <v>64</v>
      </c>
      <c r="H68" s="2" t="s">
        <v>1256</v>
      </c>
      <c r="I68" s="2" t="s">
        <v>1257</v>
      </c>
      <c r="J68" s="2" t="s">
        <v>1258</v>
      </c>
      <c r="K68" s="2" t="s">
        <v>64</v>
      </c>
      <c r="L68" s="2" t="s">
        <v>1259</v>
      </c>
    </row>
    <row r="69" spans="1:12" x14ac:dyDescent="0.25">
      <c r="A69" s="4" t="s">
        <v>372</v>
      </c>
      <c r="B69" s="6" t="s">
        <v>1104</v>
      </c>
      <c r="C69" s="2" t="s">
        <v>1260</v>
      </c>
      <c r="D69" s="2" t="s">
        <v>1261</v>
      </c>
      <c r="E69" s="2" t="s">
        <v>1262</v>
      </c>
      <c r="F69" s="2" t="s">
        <v>1263</v>
      </c>
      <c r="G69" s="2" t="s">
        <v>64</v>
      </c>
      <c r="H69" s="2" t="s">
        <v>1264</v>
      </c>
      <c r="I69" s="2" t="s">
        <v>1265</v>
      </c>
      <c r="J69" s="2" t="s">
        <v>1266</v>
      </c>
      <c r="K69" s="2" t="s">
        <v>64</v>
      </c>
      <c r="L69" s="2" t="s">
        <v>1267</v>
      </c>
    </row>
    <row r="70" spans="1:12" x14ac:dyDescent="0.25">
      <c r="A70" s="5" t="s">
        <v>374</v>
      </c>
      <c r="B70" s="7" t="s">
        <v>1268</v>
      </c>
      <c r="C70" s="3" t="s">
        <v>1269</v>
      </c>
      <c r="D70" s="3" t="s">
        <v>1270</v>
      </c>
      <c r="E70" s="3" t="s">
        <v>1271</v>
      </c>
      <c r="F70" s="3" t="s">
        <v>1272</v>
      </c>
      <c r="G70" s="3" t="s">
        <v>1273</v>
      </c>
      <c r="H70" s="3" t="s">
        <v>1274</v>
      </c>
      <c r="I70" s="3" t="s">
        <v>1275</v>
      </c>
      <c r="J70" s="3" t="s">
        <v>1276</v>
      </c>
      <c r="K70" s="3" t="s">
        <v>1277</v>
      </c>
      <c r="L70" s="3" t="s">
        <v>1278</v>
      </c>
    </row>
    <row r="71" spans="1:12" x14ac:dyDescent="0.25">
      <c r="A71" s="4" t="s">
        <v>375</v>
      </c>
      <c r="B71" s="6" t="s">
        <v>862</v>
      </c>
      <c r="C71" s="2" t="s">
        <v>1279</v>
      </c>
      <c r="D71" s="2" t="s">
        <v>1280</v>
      </c>
      <c r="E71" s="2" t="s">
        <v>1281</v>
      </c>
      <c r="F71" s="2" t="s">
        <v>1282</v>
      </c>
      <c r="G71" s="2" t="s">
        <v>1283</v>
      </c>
      <c r="H71" s="2" t="s">
        <v>1284</v>
      </c>
      <c r="I71" s="2" t="s">
        <v>1285</v>
      </c>
      <c r="J71" s="2" t="s">
        <v>1286</v>
      </c>
      <c r="K71" s="2" t="s">
        <v>1287</v>
      </c>
      <c r="L71" s="2" t="s">
        <v>1288</v>
      </c>
    </row>
    <row r="72" spans="1:12" x14ac:dyDescent="0.25">
      <c r="A72" s="4" t="s">
        <v>381</v>
      </c>
      <c r="B72" s="6" t="s">
        <v>1289</v>
      </c>
      <c r="C72" s="2" t="s">
        <v>1290</v>
      </c>
      <c r="D72" s="2" t="s">
        <v>1291</v>
      </c>
      <c r="E72" s="2" t="s">
        <v>1292</v>
      </c>
      <c r="F72" s="2" t="s">
        <v>1293</v>
      </c>
      <c r="G72" s="2" t="s">
        <v>1241</v>
      </c>
      <c r="H72" s="2" t="s">
        <v>1294</v>
      </c>
      <c r="I72" s="2" t="s">
        <v>1292</v>
      </c>
      <c r="J72" s="2" t="s">
        <v>1295</v>
      </c>
      <c r="K72" s="2" t="s">
        <v>1241</v>
      </c>
      <c r="L72" s="2" t="s">
        <v>1296</v>
      </c>
    </row>
    <row r="73" spans="1:12" x14ac:dyDescent="0.25">
      <c r="A73" s="4" t="s">
        <v>383</v>
      </c>
      <c r="B73" s="6" t="s">
        <v>1297</v>
      </c>
      <c r="C73" s="2" t="s">
        <v>1298</v>
      </c>
      <c r="D73" s="2" t="s">
        <v>1299</v>
      </c>
      <c r="E73" s="2" t="s">
        <v>64</v>
      </c>
      <c r="F73" s="2" t="s">
        <v>1300</v>
      </c>
      <c r="G73" s="2" t="s">
        <v>944</v>
      </c>
      <c r="H73" s="2" t="s">
        <v>1301</v>
      </c>
      <c r="I73" s="2" t="s">
        <v>1302</v>
      </c>
      <c r="J73" s="2" t="s">
        <v>1303</v>
      </c>
      <c r="K73" s="2" t="s">
        <v>1192</v>
      </c>
      <c r="L73" s="2" t="s">
        <v>1304</v>
      </c>
    </row>
    <row r="74" spans="1:12" x14ac:dyDescent="0.25">
      <c r="A74" s="4" t="s">
        <v>385</v>
      </c>
      <c r="B74" s="6" t="s">
        <v>1207</v>
      </c>
      <c r="C74" s="2" t="s">
        <v>1305</v>
      </c>
      <c r="D74" s="2" t="s">
        <v>1306</v>
      </c>
      <c r="E74" s="2" t="s">
        <v>1307</v>
      </c>
      <c r="F74" s="2" t="s">
        <v>1308</v>
      </c>
      <c r="G74" s="2" t="s">
        <v>1309</v>
      </c>
      <c r="H74" s="2" t="s">
        <v>1310</v>
      </c>
      <c r="I74" s="2" t="s">
        <v>1311</v>
      </c>
      <c r="J74" s="2" t="s">
        <v>1312</v>
      </c>
      <c r="K74" s="2" t="s">
        <v>1309</v>
      </c>
      <c r="L74" s="2" t="s">
        <v>1313</v>
      </c>
    </row>
    <row r="75" spans="1:12" x14ac:dyDescent="0.25">
      <c r="A75" s="4" t="s">
        <v>387</v>
      </c>
      <c r="B75" s="6" t="s">
        <v>1086</v>
      </c>
      <c r="C75" s="2" t="s">
        <v>1314</v>
      </c>
      <c r="D75" s="2" t="s">
        <v>1315</v>
      </c>
      <c r="E75" s="2" t="s">
        <v>1316</v>
      </c>
      <c r="F75" s="2" t="s">
        <v>1317</v>
      </c>
      <c r="G75" s="2" t="s">
        <v>1237</v>
      </c>
      <c r="H75" s="2" t="s">
        <v>1318</v>
      </c>
      <c r="I75" s="2" t="s">
        <v>1319</v>
      </c>
      <c r="J75" s="2" t="s">
        <v>1320</v>
      </c>
      <c r="K75" s="2" t="s">
        <v>1221</v>
      </c>
      <c r="L75" s="2" t="s">
        <v>1321</v>
      </c>
    </row>
    <row r="76" spans="1:12" x14ac:dyDescent="0.25">
      <c r="A76" s="4" t="s">
        <v>389</v>
      </c>
      <c r="B76" s="6" t="s">
        <v>1322</v>
      </c>
      <c r="C76" s="2" t="s">
        <v>1323</v>
      </c>
      <c r="D76" s="2" t="s">
        <v>1324</v>
      </c>
      <c r="E76" s="2" t="s">
        <v>64</v>
      </c>
      <c r="F76" s="2" t="s">
        <v>64</v>
      </c>
      <c r="G76" s="2" t="s">
        <v>64</v>
      </c>
      <c r="H76" s="2" t="s">
        <v>1324</v>
      </c>
      <c r="I76" s="2" t="s">
        <v>64</v>
      </c>
      <c r="J76" s="2" t="s">
        <v>64</v>
      </c>
      <c r="K76" s="2" t="s">
        <v>64</v>
      </c>
      <c r="L76" s="2" t="s">
        <v>1324</v>
      </c>
    </row>
    <row r="77" spans="1:12" x14ac:dyDescent="0.25">
      <c r="A77" s="4" t="s">
        <v>398</v>
      </c>
      <c r="B77" s="6" t="s">
        <v>1325</v>
      </c>
      <c r="C77" s="2" t="s">
        <v>1326</v>
      </c>
      <c r="D77" s="2" t="s">
        <v>1327</v>
      </c>
      <c r="E77" s="2" t="s">
        <v>1328</v>
      </c>
      <c r="F77" s="2" t="s">
        <v>1329</v>
      </c>
      <c r="G77" s="2" t="s">
        <v>64</v>
      </c>
      <c r="H77" s="2" t="s">
        <v>1330</v>
      </c>
      <c r="I77" s="2" t="s">
        <v>1331</v>
      </c>
      <c r="J77" s="2" t="s">
        <v>1332</v>
      </c>
      <c r="K77" s="2" t="s">
        <v>64</v>
      </c>
      <c r="L77" s="2" t="s">
        <v>1333</v>
      </c>
    </row>
    <row r="78" spans="1:12" x14ac:dyDescent="0.25">
      <c r="A78" s="4" t="s">
        <v>407</v>
      </c>
      <c r="B78" s="6" t="s">
        <v>1334</v>
      </c>
      <c r="C78" s="2" t="s">
        <v>1335</v>
      </c>
      <c r="D78" s="2" t="s">
        <v>1335</v>
      </c>
      <c r="E78" s="2" t="s">
        <v>1336</v>
      </c>
      <c r="F78" s="2" t="s">
        <v>1337</v>
      </c>
      <c r="G78" s="2" t="s">
        <v>958</v>
      </c>
      <c r="H78" s="2" t="s">
        <v>1338</v>
      </c>
      <c r="I78" s="2" t="s">
        <v>1339</v>
      </c>
      <c r="J78" s="2" t="s">
        <v>1340</v>
      </c>
      <c r="K78" s="2" t="s">
        <v>1021</v>
      </c>
      <c r="L78" s="2" t="s">
        <v>1341</v>
      </c>
    </row>
    <row r="79" spans="1:12" x14ac:dyDescent="0.25">
      <c r="A79" s="4" t="s">
        <v>409</v>
      </c>
      <c r="B79" s="6" t="s">
        <v>1342</v>
      </c>
      <c r="C79" s="2" t="s">
        <v>1343</v>
      </c>
      <c r="D79" s="2" t="s">
        <v>1344</v>
      </c>
      <c r="E79" s="2" t="s">
        <v>1345</v>
      </c>
      <c r="F79" s="2" t="s">
        <v>1346</v>
      </c>
      <c r="G79" s="2" t="s">
        <v>1347</v>
      </c>
      <c r="H79" s="2" t="s">
        <v>1348</v>
      </c>
      <c r="I79" s="2" t="s">
        <v>1349</v>
      </c>
      <c r="J79" s="2" t="s">
        <v>1350</v>
      </c>
      <c r="K79" s="2" t="s">
        <v>1351</v>
      </c>
      <c r="L79" s="2" t="s">
        <v>1352</v>
      </c>
    </row>
    <row r="80" spans="1:12" x14ac:dyDescent="0.25">
      <c r="A80" s="4" t="s">
        <v>411</v>
      </c>
      <c r="B80" s="6" t="s">
        <v>1353</v>
      </c>
      <c r="C80" s="2" t="s">
        <v>1354</v>
      </c>
      <c r="D80" s="2" t="s">
        <v>1355</v>
      </c>
      <c r="E80" s="2" t="s">
        <v>1356</v>
      </c>
      <c r="F80" s="2" t="s">
        <v>1357</v>
      </c>
      <c r="G80" s="2" t="s">
        <v>887</v>
      </c>
      <c r="H80" s="2" t="s">
        <v>1358</v>
      </c>
      <c r="I80" s="2" t="s">
        <v>1359</v>
      </c>
      <c r="J80" s="2" t="s">
        <v>1360</v>
      </c>
      <c r="K80" s="2" t="s">
        <v>887</v>
      </c>
      <c r="L80" s="2" t="s">
        <v>1361</v>
      </c>
    </row>
    <row r="81" spans="1:12" x14ac:dyDescent="0.25">
      <c r="A81" s="4" t="s">
        <v>413</v>
      </c>
      <c r="B81" s="6" t="s">
        <v>1362</v>
      </c>
      <c r="C81" s="2" t="s">
        <v>64</v>
      </c>
      <c r="D81" s="2" t="s">
        <v>64</v>
      </c>
      <c r="E81" s="2" t="s">
        <v>64</v>
      </c>
      <c r="F81" s="2" t="s">
        <v>64</v>
      </c>
      <c r="G81" s="2" t="s">
        <v>64</v>
      </c>
      <c r="H81" s="2" t="s">
        <v>64</v>
      </c>
      <c r="I81" s="2" t="s">
        <v>64</v>
      </c>
      <c r="J81" s="2" t="s">
        <v>64</v>
      </c>
      <c r="K81" s="2" t="s">
        <v>64</v>
      </c>
      <c r="L81" s="2" t="s">
        <v>64</v>
      </c>
    </row>
    <row r="82" spans="1:12" x14ac:dyDescent="0.25">
      <c r="A82" s="4" t="s">
        <v>415</v>
      </c>
      <c r="B82" s="6" t="s">
        <v>1104</v>
      </c>
      <c r="C82" s="2" t="s">
        <v>1363</v>
      </c>
      <c r="D82" s="2" t="s">
        <v>1364</v>
      </c>
      <c r="E82" s="2" t="s">
        <v>1365</v>
      </c>
      <c r="F82" s="2" t="s">
        <v>1366</v>
      </c>
      <c r="G82" s="2" t="s">
        <v>1237</v>
      </c>
      <c r="H82" s="2" t="s">
        <v>1367</v>
      </c>
      <c r="I82" s="2" t="s">
        <v>1365</v>
      </c>
      <c r="J82" s="2" t="s">
        <v>1366</v>
      </c>
      <c r="K82" s="2" t="s">
        <v>1237</v>
      </c>
      <c r="L82" s="2" t="s">
        <v>1367</v>
      </c>
    </row>
    <row r="83" spans="1:12" x14ac:dyDescent="0.25">
      <c r="A83" s="5" t="s">
        <v>417</v>
      </c>
      <c r="B83" s="7" t="s">
        <v>1368</v>
      </c>
      <c r="C83" s="3" t="s">
        <v>1369</v>
      </c>
      <c r="D83" s="3" t="s">
        <v>1370</v>
      </c>
      <c r="E83" s="3" t="s">
        <v>1371</v>
      </c>
      <c r="F83" s="3" t="s">
        <v>1372</v>
      </c>
      <c r="G83" s="3" t="s">
        <v>1373</v>
      </c>
      <c r="H83" s="3" t="s">
        <v>1374</v>
      </c>
      <c r="I83" s="3" t="s">
        <v>1375</v>
      </c>
      <c r="J83" s="3" t="s">
        <v>1376</v>
      </c>
      <c r="K83" s="3" t="s">
        <v>1373</v>
      </c>
      <c r="L83" s="3" t="s">
        <v>1377</v>
      </c>
    </row>
    <row r="84" spans="1:12" x14ac:dyDescent="0.25">
      <c r="A84" s="4" t="s">
        <v>418</v>
      </c>
      <c r="B84" s="6" t="s">
        <v>1378</v>
      </c>
      <c r="C84" s="2" t="s">
        <v>1379</v>
      </c>
      <c r="D84" s="2" t="s">
        <v>1380</v>
      </c>
      <c r="E84" s="2" t="s">
        <v>1381</v>
      </c>
      <c r="F84" s="2" t="s">
        <v>1382</v>
      </c>
      <c r="G84" s="2" t="s">
        <v>1373</v>
      </c>
      <c r="H84" s="2" t="s">
        <v>1383</v>
      </c>
      <c r="I84" s="2" t="s">
        <v>1384</v>
      </c>
      <c r="J84" s="2" t="s">
        <v>1385</v>
      </c>
      <c r="K84" s="2" t="s">
        <v>1373</v>
      </c>
      <c r="L84" s="2" t="s">
        <v>1386</v>
      </c>
    </row>
    <row r="85" spans="1:12" x14ac:dyDescent="0.25">
      <c r="A85" s="4" t="s">
        <v>419</v>
      </c>
      <c r="B85" s="6" t="s">
        <v>902</v>
      </c>
      <c r="C85" s="2" t="s">
        <v>1387</v>
      </c>
      <c r="D85" s="2" t="s">
        <v>1387</v>
      </c>
      <c r="E85" s="2" t="s">
        <v>1388</v>
      </c>
      <c r="F85" s="2" t="s">
        <v>1389</v>
      </c>
      <c r="G85" s="2" t="s">
        <v>64</v>
      </c>
      <c r="H85" s="2" t="s">
        <v>1390</v>
      </c>
      <c r="I85" s="2" t="s">
        <v>1391</v>
      </c>
      <c r="J85" s="2" t="s">
        <v>1392</v>
      </c>
      <c r="K85" s="2" t="s">
        <v>64</v>
      </c>
      <c r="L85" s="2" t="s">
        <v>1393</v>
      </c>
    </row>
    <row r="86" spans="1:12" x14ac:dyDescent="0.25">
      <c r="A86" s="5" t="s">
        <v>421</v>
      </c>
      <c r="B86" s="7" t="s">
        <v>1394</v>
      </c>
      <c r="C86" s="3" t="s">
        <v>1395</v>
      </c>
      <c r="D86" s="3" t="s">
        <v>1396</v>
      </c>
      <c r="E86" s="3" t="s">
        <v>1397</v>
      </c>
      <c r="F86" s="3" t="s">
        <v>1398</v>
      </c>
      <c r="G86" s="3" t="s">
        <v>1399</v>
      </c>
      <c r="H86" s="3" t="s">
        <v>1400</v>
      </c>
      <c r="I86" s="3" t="s">
        <v>1401</v>
      </c>
      <c r="J86" s="3" t="s">
        <v>1402</v>
      </c>
      <c r="K86" s="3" t="s">
        <v>1403</v>
      </c>
      <c r="L86" s="3" t="s">
        <v>1404</v>
      </c>
    </row>
    <row r="87" spans="1:12" x14ac:dyDescent="0.25">
      <c r="A87" s="4" t="s">
        <v>423</v>
      </c>
      <c r="B87" s="6" t="s">
        <v>1405</v>
      </c>
      <c r="C87" s="2" t="s">
        <v>1406</v>
      </c>
      <c r="D87" s="2" t="s">
        <v>1407</v>
      </c>
      <c r="E87" s="2" t="s">
        <v>1408</v>
      </c>
      <c r="F87" s="2" t="s">
        <v>1409</v>
      </c>
      <c r="G87" s="2" t="s">
        <v>1241</v>
      </c>
      <c r="H87" s="2" t="s">
        <v>1410</v>
      </c>
      <c r="I87" s="2" t="s">
        <v>1411</v>
      </c>
      <c r="J87" s="2" t="s">
        <v>1412</v>
      </c>
      <c r="K87" s="2" t="s">
        <v>954</v>
      </c>
      <c r="L87" s="2" t="s">
        <v>1413</v>
      </c>
    </row>
    <row r="88" spans="1:12" x14ac:dyDescent="0.25">
      <c r="A88" s="4" t="s">
        <v>425</v>
      </c>
      <c r="B88" s="6" t="s">
        <v>1414</v>
      </c>
      <c r="C88" s="2" t="s">
        <v>1415</v>
      </c>
      <c r="D88" s="2" t="s">
        <v>1416</v>
      </c>
      <c r="E88" s="2" t="s">
        <v>1417</v>
      </c>
      <c r="F88" s="2" t="s">
        <v>1418</v>
      </c>
      <c r="G88" s="2" t="s">
        <v>1419</v>
      </c>
      <c r="H88" s="2" t="s">
        <v>1420</v>
      </c>
      <c r="I88" s="2" t="s">
        <v>1421</v>
      </c>
      <c r="J88" s="2" t="s">
        <v>1422</v>
      </c>
      <c r="K88" s="2" t="s">
        <v>1423</v>
      </c>
      <c r="L88" s="2" t="s">
        <v>1424</v>
      </c>
    </row>
    <row r="89" spans="1:12" x14ac:dyDescent="0.25">
      <c r="A89" s="4" t="s">
        <v>429</v>
      </c>
      <c r="B89" s="6" t="s">
        <v>960</v>
      </c>
      <c r="C89" s="2" t="s">
        <v>1425</v>
      </c>
      <c r="D89" s="2" t="s">
        <v>1426</v>
      </c>
      <c r="E89" s="2" t="s">
        <v>1427</v>
      </c>
      <c r="F89" s="2" t="s">
        <v>1428</v>
      </c>
      <c r="G89" s="2" t="s">
        <v>1221</v>
      </c>
      <c r="H89" s="2" t="s">
        <v>1429</v>
      </c>
      <c r="I89" s="2" t="s">
        <v>1430</v>
      </c>
      <c r="J89" s="2" t="s">
        <v>1431</v>
      </c>
      <c r="K89" s="2" t="s">
        <v>887</v>
      </c>
      <c r="L89" s="2" t="s">
        <v>1432</v>
      </c>
    </row>
    <row r="90" spans="1:12" x14ac:dyDescent="0.25">
      <c r="A90" s="4" t="s">
        <v>431</v>
      </c>
      <c r="B90" s="6" t="s">
        <v>1433</v>
      </c>
      <c r="C90" s="2" t="s">
        <v>1434</v>
      </c>
      <c r="D90" s="2" t="s">
        <v>1434</v>
      </c>
      <c r="E90" s="2" t="s">
        <v>64</v>
      </c>
      <c r="F90" s="2" t="s">
        <v>64</v>
      </c>
      <c r="G90" s="2" t="s">
        <v>64</v>
      </c>
      <c r="H90" s="2" t="s">
        <v>1434</v>
      </c>
      <c r="I90" s="2" t="s">
        <v>64</v>
      </c>
      <c r="J90" s="2" t="s">
        <v>64</v>
      </c>
      <c r="K90" s="2" t="s">
        <v>64</v>
      </c>
      <c r="L90" s="2" t="s">
        <v>1434</v>
      </c>
    </row>
    <row r="91" spans="1:12" x14ac:dyDescent="0.25">
      <c r="A91" s="5" t="s">
        <v>433</v>
      </c>
      <c r="B91" s="7" t="s">
        <v>1435</v>
      </c>
      <c r="C91" s="3" t="s">
        <v>1436</v>
      </c>
      <c r="D91" s="3" t="s">
        <v>1437</v>
      </c>
      <c r="E91" s="3" t="s">
        <v>1438</v>
      </c>
      <c r="F91" s="3" t="s">
        <v>1439</v>
      </c>
      <c r="G91" s="3" t="s">
        <v>938</v>
      </c>
      <c r="H91" s="3" t="s">
        <v>1440</v>
      </c>
      <c r="I91" s="3" t="s">
        <v>1441</v>
      </c>
      <c r="J91" s="3" t="s">
        <v>1442</v>
      </c>
      <c r="K91" s="3" t="s">
        <v>954</v>
      </c>
      <c r="L91" s="3" t="s">
        <v>1443</v>
      </c>
    </row>
    <row r="92" spans="1:12" x14ac:dyDescent="0.25">
      <c r="A92" s="4" t="s">
        <v>446</v>
      </c>
      <c r="B92" s="6" t="s">
        <v>1444</v>
      </c>
      <c r="C92" s="2" t="s">
        <v>1436</v>
      </c>
      <c r="D92" s="2" t="s">
        <v>1437</v>
      </c>
      <c r="E92" s="2" t="s">
        <v>1438</v>
      </c>
      <c r="F92" s="2" t="s">
        <v>1439</v>
      </c>
      <c r="G92" s="2" t="s">
        <v>938</v>
      </c>
      <c r="H92" s="2" t="s">
        <v>1440</v>
      </c>
      <c r="I92" s="2" t="s">
        <v>1441</v>
      </c>
      <c r="J92" s="2" t="s">
        <v>1442</v>
      </c>
      <c r="K92" s="2" t="s">
        <v>954</v>
      </c>
      <c r="L92" s="2" t="s">
        <v>1443</v>
      </c>
    </row>
    <row r="93" spans="1:12" x14ac:dyDescent="0.25">
      <c r="A93" s="5" t="s">
        <v>457</v>
      </c>
      <c r="B93" s="7" t="s">
        <v>1445</v>
      </c>
      <c r="C93" s="3" t="s">
        <v>1446</v>
      </c>
      <c r="D93" s="3" t="s">
        <v>1447</v>
      </c>
      <c r="E93" s="3" t="s">
        <v>1448</v>
      </c>
      <c r="F93" s="3" t="s">
        <v>1449</v>
      </c>
      <c r="G93" s="3" t="s">
        <v>1450</v>
      </c>
      <c r="H93" s="3" t="s">
        <v>1451</v>
      </c>
      <c r="I93" s="3" t="s">
        <v>1452</v>
      </c>
      <c r="J93" s="3" t="s">
        <v>1453</v>
      </c>
      <c r="K93" s="3" t="s">
        <v>1454</v>
      </c>
      <c r="L93" s="3" t="s">
        <v>1455</v>
      </c>
    </row>
    <row r="94" spans="1:12" x14ac:dyDescent="0.25">
      <c r="A94" s="4" t="s">
        <v>468</v>
      </c>
      <c r="B94" s="6" t="s">
        <v>862</v>
      </c>
      <c r="C94" s="2" t="s">
        <v>1456</v>
      </c>
      <c r="D94" s="2" t="s">
        <v>1457</v>
      </c>
      <c r="E94" s="2" t="s">
        <v>1458</v>
      </c>
      <c r="F94" s="2" t="s">
        <v>1459</v>
      </c>
      <c r="G94" s="2" t="s">
        <v>958</v>
      </c>
      <c r="H94" s="2" t="s">
        <v>1460</v>
      </c>
      <c r="I94" s="2" t="s">
        <v>1461</v>
      </c>
      <c r="J94" s="2" t="s">
        <v>1462</v>
      </c>
      <c r="K94" s="2" t="s">
        <v>958</v>
      </c>
      <c r="L94" s="2" t="s">
        <v>1463</v>
      </c>
    </row>
    <row r="95" spans="1:12" x14ac:dyDescent="0.25">
      <c r="A95" s="4" t="s">
        <v>479</v>
      </c>
      <c r="B95" s="6" t="s">
        <v>1002</v>
      </c>
      <c r="C95" s="2" t="s">
        <v>1464</v>
      </c>
      <c r="D95" s="2" t="s">
        <v>1464</v>
      </c>
      <c r="E95" s="2" t="s">
        <v>64</v>
      </c>
      <c r="F95" s="2" t="s">
        <v>64</v>
      </c>
      <c r="G95" s="2" t="s">
        <v>64</v>
      </c>
      <c r="H95" s="2" t="s">
        <v>1464</v>
      </c>
      <c r="I95" s="2" t="s">
        <v>64</v>
      </c>
      <c r="J95" s="2" t="s">
        <v>64</v>
      </c>
      <c r="K95" s="2" t="s">
        <v>64</v>
      </c>
      <c r="L95" s="2" t="s">
        <v>1464</v>
      </c>
    </row>
    <row r="96" spans="1:12" x14ac:dyDescent="0.25">
      <c r="A96" s="4" t="s">
        <v>489</v>
      </c>
      <c r="B96" s="6" t="s">
        <v>1465</v>
      </c>
      <c r="C96" s="2" t="s">
        <v>1466</v>
      </c>
      <c r="D96" s="2" t="s">
        <v>1467</v>
      </c>
      <c r="E96" s="2" t="s">
        <v>1468</v>
      </c>
      <c r="F96" s="2" t="s">
        <v>1469</v>
      </c>
      <c r="G96" s="2" t="s">
        <v>1470</v>
      </c>
      <c r="H96" s="2" t="s">
        <v>1471</v>
      </c>
      <c r="I96" s="2" t="s">
        <v>1472</v>
      </c>
      <c r="J96" s="2" t="s">
        <v>1473</v>
      </c>
      <c r="K96" s="2" t="s">
        <v>877</v>
      </c>
      <c r="L96" s="2" t="s">
        <v>1474</v>
      </c>
    </row>
    <row r="97" spans="1:12" x14ac:dyDescent="0.25">
      <c r="A97" s="5" t="s">
        <v>500</v>
      </c>
      <c r="B97" s="7" t="s">
        <v>1475</v>
      </c>
      <c r="C97" s="3" t="s">
        <v>1476</v>
      </c>
      <c r="D97" s="3" t="s">
        <v>1477</v>
      </c>
      <c r="E97" s="3" t="s">
        <v>1478</v>
      </c>
      <c r="F97" s="3" t="s">
        <v>1479</v>
      </c>
      <c r="G97" s="3" t="s">
        <v>1480</v>
      </c>
      <c r="H97" s="3" t="s">
        <v>1481</v>
      </c>
      <c r="I97" s="3" t="s">
        <v>1482</v>
      </c>
      <c r="J97" s="3" t="s">
        <v>1483</v>
      </c>
      <c r="K97" s="3" t="s">
        <v>1484</v>
      </c>
      <c r="L97" s="3" t="s">
        <v>1485</v>
      </c>
    </row>
    <row r="98" spans="1:12" x14ac:dyDescent="0.25">
      <c r="A98" s="4" t="s">
        <v>508</v>
      </c>
      <c r="B98" s="6" t="s">
        <v>1486</v>
      </c>
      <c r="C98" s="2" t="s">
        <v>1476</v>
      </c>
      <c r="D98" s="2" t="s">
        <v>1477</v>
      </c>
      <c r="E98" s="2" t="s">
        <v>1478</v>
      </c>
      <c r="F98" s="2" t="s">
        <v>1479</v>
      </c>
      <c r="G98" s="2" t="s">
        <v>1480</v>
      </c>
      <c r="H98" s="2" t="s">
        <v>1481</v>
      </c>
      <c r="I98" s="2" t="s">
        <v>1482</v>
      </c>
      <c r="J98" s="2" t="s">
        <v>1483</v>
      </c>
      <c r="K98" s="2" t="s">
        <v>1484</v>
      </c>
      <c r="L98" s="2" t="s">
        <v>1485</v>
      </c>
    </row>
    <row r="99" spans="1:12" x14ac:dyDescent="0.25">
      <c r="A99" s="5" t="s">
        <v>518</v>
      </c>
      <c r="B99" s="7" t="s">
        <v>1487</v>
      </c>
      <c r="C99" s="3" t="s">
        <v>1488</v>
      </c>
      <c r="D99" s="3" t="s">
        <v>1489</v>
      </c>
      <c r="E99" s="3" t="s">
        <v>1490</v>
      </c>
      <c r="F99" s="3" t="s">
        <v>1491</v>
      </c>
      <c r="G99" s="3" t="s">
        <v>934</v>
      </c>
      <c r="H99" s="3" t="s">
        <v>1492</v>
      </c>
      <c r="I99" s="3" t="s">
        <v>1493</v>
      </c>
      <c r="J99" s="3" t="s">
        <v>1494</v>
      </c>
      <c r="K99" s="3" t="s">
        <v>1495</v>
      </c>
      <c r="L99" s="3" t="s">
        <v>1496</v>
      </c>
    </row>
    <row r="100" spans="1:12" x14ac:dyDescent="0.25">
      <c r="A100" s="4" t="s">
        <v>529</v>
      </c>
      <c r="B100" s="6" t="s">
        <v>862</v>
      </c>
      <c r="C100" s="2" t="s">
        <v>1497</v>
      </c>
      <c r="D100" s="2" t="s">
        <v>1498</v>
      </c>
      <c r="E100" s="2" t="s">
        <v>1499</v>
      </c>
      <c r="F100" s="2" t="s">
        <v>1500</v>
      </c>
      <c r="G100" s="2" t="s">
        <v>1501</v>
      </c>
      <c r="H100" s="2" t="s">
        <v>1502</v>
      </c>
      <c r="I100" s="2" t="s">
        <v>1503</v>
      </c>
      <c r="J100" s="2" t="s">
        <v>1504</v>
      </c>
      <c r="K100" s="2" t="s">
        <v>881</v>
      </c>
      <c r="L100" s="2" t="s">
        <v>1505</v>
      </c>
    </row>
    <row r="101" spans="1:12" x14ac:dyDescent="0.25">
      <c r="A101" s="4" t="s">
        <v>540</v>
      </c>
      <c r="B101" s="6" t="s">
        <v>1506</v>
      </c>
      <c r="C101" s="2" t="s">
        <v>1507</v>
      </c>
      <c r="D101" s="2" t="s">
        <v>1508</v>
      </c>
      <c r="E101" s="2" t="s">
        <v>1509</v>
      </c>
      <c r="F101" s="2" t="s">
        <v>1510</v>
      </c>
      <c r="G101" s="2" t="s">
        <v>1511</v>
      </c>
      <c r="H101" s="2" t="s">
        <v>1512</v>
      </c>
      <c r="I101" s="2" t="s">
        <v>1513</v>
      </c>
      <c r="J101" s="2" t="s">
        <v>1514</v>
      </c>
      <c r="K101" s="2" t="s">
        <v>1221</v>
      </c>
      <c r="L101" s="2" t="s">
        <v>1515</v>
      </c>
    </row>
    <row r="102" spans="1:12" x14ac:dyDescent="0.25">
      <c r="A102" s="4" t="s">
        <v>546</v>
      </c>
      <c r="B102" s="6" t="s">
        <v>1516</v>
      </c>
      <c r="C102" s="2" t="s">
        <v>1517</v>
      </c>
      <c r="D102" s="2" t="s">
        <v>1518</v>
      </c>
      <c r="E102" s="2" t="s">
        <v>1519</v>
      </c>
      <c r="F102" s="2" t="s">
        <v>1520</v>
      </c>
      <c r="G102" s="2" t="s">
        <v>1241</v>
      </c>
      <c r="H102" s="2" t="s">
        <v>1521</v>
      </c>
      <c r="I102" s="2" t="s">
        <v>1522</v>
      </c>
      <c r="J102" s="2" t="s">
        <v>1523</v>
      </c>
      <c r="K102" s="2" t="s">
        <v>1221</v>
      </c>
      <c r="L102" s="2" t="s">
        <v>1524</v>
      </c>
    </row>
    <row r="103" spans="1:12" x14ac:dyDescent="0.25">
      <c r="A103" s="4" t="s">
        <v>556</v>
      </c>
      <c r="B103" s="6" t="s">
        <v>1525</v>
      </c>
      <c r="C103" s="2" t="s">
        <v>1526</v>
      </c>
      <c r="D103" s="2" t="s">
        <v>1527</v>
      </c>
      <c r="E103" s="2" t="s">
        <v>1528</v>
      </c>
      <c r="F103" s="2" t="s">
        <v>1529</v>
      </c>
      <c r="G103" s="2" t="s">
        <v>891</v>
      </c>
      <c r="H103" s="2" t="s">
        <v>1530</v>
      </c>
      <c r="I103" s="2" t="s">
        <v>1531</v>
      </c>
      <c r="J103" s="2" t="s">
        <v>1532</v>
      </c>
      <c r="K103" s="2" t="s">
        <v>64</v>
      </c>
      <c r="L103" s="2" t="s">
        <v>1533</v>
      </c>
    </row>
    <row r="104" spans="1:12" x14ac:dyDescent="0.25">
      <c r="A104" s="4" t="s">
        <v>560</v>
      </c>
      <c r="B104" s="6" t="s">
        <v>1534</v>
      </c>
      <c r="C104" s="2" t="s">
        <v>1434</v>
      </c>
      <c r="D104" s="2" t="s">
        <v>1434</v>
      </c>
      <c r="E104" s="2" t="s">
        <v>64</v>
      </c>
      <c r="F104" s="2" t="s">
        <v>64</v>
      </c>
      <c r="G104" s="2" t="s">
        <v>64</v>
      </c>
      <c r="H104" s="2" t="s">
        <v>1434</v>
      </c>
      <c r="I104" s="2" t="s">
        <v>64</v>
      </c>
      <c r="J104" s="2" t="s">
        <v>64</v>
      </c>
      <c r="K104" s="2" t="s">
        <v>64</v>
      </c>
      <c r="L104" s="2" t="s">
        <v>1434</v>
      </c>
    </row>
    <row r="105" spans="1:12" x14ac:dyDescent="0.25">
      <c r="A105" s="5" t="s">
        <v>571</v>
      </c>
      <c r="B105" s="7" t="s">
        <v>1535</v>
      </c>
      <c r="C105" s="3" t="s">
        <v>1536</v>
      </c>
      <c r="D105" s="3" t="s">
        <v>1537</v>
      </c>
      <c r="E105" s="3" t="s">
        <v>1538</v>
      </c>
      <c r="F105" s="3" t="s">
        <v>1539</v>
      </c>
      <c r="G105" s="3" t="s">
        <v>954</v>
      </c>
      <c r="H105" s="3" t="s">
        <v>1540</v>
      </c>
      <c r="I105" s="3" t="s">
        <v>1541</v>
      </c>
      <c r="J105" s="3" t="s">
        <v>1542</v>
      </c>
      <c r="K105" s="3" t="s">
        <v>954</v>
      </c>
      <c r="L105" s="3" t="s">
        <v>1543</v>
      </c>
    </row>
    <row r="106" spans="1:12" x14ac:dyDescent="0.25">
      <c r="A106" s="4" t="s">
        <v>582</v>
      </c>
      <c r="B106" s="6" t="s">
        <v>873</v>
      </c>
      <c r="C106" s="2" t="s">
        <v>1544</v>
      </c>
      <c r="D106" s="2" t="s">
        <v>1545</v>
      </c>
      <c r="E106" s="2" t="s">
        <v>64</v>
      </c>
      <c r="F106" s="2" t="s">
        <v>64</v>
      </c>
      <c r="G106" s="2" t="s">
        <v>64</v>
      </c>
      <c r="H106" s="2" t="s">
        <v>1545</v>
      </c>
      <c r="I106" s="2" t="s">
        <v>64</v>
      </c>
      <c r="J106" s="2" t="s">
        <v>64</v>
      </c>
      <c r="K106" s="2" t="s">
        <v>64</v>
      </c>
      <c r="L106" s="2" t="s">
        <v>1545</v>
      </c>
    </row>
    <row r="107" spans="1:12" x14ac:dyDescent="0.25">
      <c r="A107" s="4" t="s">
        <v>584</v>
      </c>
      <c r="B107" s="6" t="s">
        <v>1378</v>
      </c>
      <c r="C107" s="2" t="s">
        <v>64</v>
      </c>
      <c r="D107" s="2" t="s">
        <v>64</v>
      </c>
      <c r="E107" s="2" t="s">
        <v>64</v>
      </c>
      <c r="F107" s="2" t="s">
        <v>64</v>
      </c>
      <c r="G107" s="2" t="s">
        <v>64</v>
      </c>
      <c r="H107" s="2" t="s">
        <v>64</v>
      </c>
      <c r="I107" s="2" t="s">
        <v>64</v>
      </c>
      <c r="J107" s="2" t="s">
        <v>64</v>
      </c>
      <c r="K107" s="2" t="s">
        <v>64</v>
      </c>
      <c r="L107" s="2" t="s">
        <v>64</v>
      </c>
    </row>
    <row r="108" spans="1:12" x14ac:dyDescent="0.25">
      <c r="A108" s="4" t="s">
        <v>586</v>
      </c>
      <c r="B108" s="6" t="s">
        <v>1353</v>
      </c>
      <c r="C108" s="2" t="s">
        <v>1546</v>
      </c>
      <c r="D108" s="2" t="s">
        <v>1547</v>
      </c>
      <c r="E108" s="2" t="s">
        <v>1548</v>
      </c>
      <c r="F108" s="2" t="s">
        <v>1549</v>
      </c>
      <c r="G108" s="2" t="s">
        <v>1241</v>
      </c>
      <c r="H108" s="2" t="s">
        <v>1550</v>
      </c>
      <c r="I108" s="2" t="s">
        <v>1551</v>
      </c>
      <c r="J108" s="2" t="s">
        <v>1552</v>
      </c>
      <c r="K108" s="2" t="s">
        <v>954</v>
      </c>
      <c r="L108" s="2" t="s">
        <v>1553</v>
      </c>
    </row>
    <row r="109" spans="1:12" x14ac:dyDescent="0.25">
      <c r="A109" s="4" t="s">
        <v>588</v>
      </c>
      <c r="B109" s="6" t="s">
        <v>1362</v>
      </c>
      <c r="C109" s="2" t="s">
        <v>1554</v>
      </c>
      <c r="D109" s="2" t="s">
        <v>1555</v>
      </c>
      <c r="E109" s="2" t="s">
        <v>1556</v>
      </c>
      <c r="F109" s="2" t="s">
        <v>1557</v>
      </c>
      <c r="G109" s="2" t="s">
        <v>891</v>
      </c>
      <c r="H109" s="2" t="s">
        <v>1558</v>
      </c>
      <c r="I109" s="2" t="s">
        <v>1559</v>
      </c>
      <c r="J109" s="2" t="s">
        <v>1560</v>
      </c>
      <c r="K109" s="2" t="s">
        <v>64</v>
      </c>
      <c r="L109" s="2" t="s">
        <v>1561</v>
      </c>
    </row>
    <row r="110" spans="1:12" x14ac:dyDescent="0.25">
      <c r="A110" s="5" t="s">
        <v>590</v>
      </c>
      <c r="B110" s="7" t="s">
        <v>1562</v>
      </c>
      <c r="C110" s="3" t="s">
        <v>1563</v>
      </c>
      <c r="D110" s="3" t="s">
        <v>1564</v>
      </c>
      <c r="E110" s="3" t="s">
        <v>1565</v>
      </c>
      <c r="F110" s="3" t="s">
        <v>1566</v>
      </c>
      <c r="G110" s="3" t="s">
        <v>1567</v>
      </c>
      <c r="H110" s="3" t="s">
        <v>1568</v>
      </c>
      <c r="I110" s="3" t="s">
        <v>1569</v>
      </c>
      <c r="J110" s="3" t="s">
        <v>1570</v>
      </c>
      <c r="K110" s="3" t="s">
        <v>1571</v>
      </c>
      <c r="L110" s="3" t="s">
        <v>1572</v>
      </c>
    </row>
    <row r="111" spans="1:12" x14ac:dyDescent="0.25">
      <c r="A111" s="4" t="s">
        <v>592</v>
      </c>
      <c r="B111" s="6" t="s">
        <v>862</v>
      </c>
      <c r="C111" s="2" t="s">
        <v>1573</v>
      </c>
      <c r="D111" s="2" t="s">
        <v>1574</v>
      </c>
      <c r="E111" s="2" t="s">
        <v>1575</v>
      </c>
      <c r="F111" s="2" t="s">
        <v>1576</v>
      </c>
      <c r="G111" s="2" t="s">
        <v>1158</v>
      </c>
      <c r="H111" s="2" t="s">
        <v>1577</v>
      </c>
      <c r="I111" s="2" t="s">
        <v>1578</v>
      </c>
      <c r="J111" s="2" t="s">
        <v>1579</v>
      </c>
      <c r="K111" s="2" t="s">
        <v>1580</v>
      </c>
      <c r="L111" s="2" t="s">
        <v>1581</v>
      </c>
    </row>
    <row r="112" spans="1:12" x14ac:dyDescent="0.25">
      <c r="A112" s="4" t="s">
        <v>593</v>
      </c>
      <c r="B112" s="6" t="s">
        <v>1506</v>
      </c>
      <c r="C112" s="2" t="s">
        <v>428</v>
      </c>
      <c r="D112" s="2" t="s">
        <v>428</v>
      </c>
      <c r="E112" s="2" t="s">
        <v>64</v>
      </c>
      <c r="F112" s="2" t="s">
        <v>64</v>
      </c>
      <c r="G112" s="2" t="s">
        <v>64</v>
      </c>
      <c r="H112" s="2" t="s">
        <v>428</v>
      </c>
      <c r="I112" s="2" t="s">
        <v>64</v>
      </c>
      <c r="J112" s="2" t="s">
        <v>64</v>
      </c>
      <c r="K112" s="2" t="s">
        <v>64</v>
      </c>
      <c r="L112" s="2" t="s">
        <v>428</v>
      </c>
    </row>
    <row r="113" spans="1:12" x14ac:dyDescent="0.25">
      <c r="A113" s="4" t="s">
        <v>594</v>
      </c>
      <c r="B113" s="6" t="s">
        <v>1516</v>
      </c>
      <c r="C113" s="2" t="s">
        <v>1582</v>
      </c>
      <c r="D113" s="2" t="s">
        <v>1583</v>
      </c>
      <c r="E113" s="2" t="s">
        <v>64</v>
      </c>
      <c r="F113" s="2" t="s">
        <v>64</v>
      </c>
      <c r="G113" s="2" t="s">
        <v>64</v>
      </c>
      <c r="H113" s="2" t="s">
        <v>1583</v>
      </c>
      <c r="I113" s="2" t="s">
        <v>64</v>
      </c>
      <c r="J113" s="2" t="s">
        <v>64</v>
      </c>
      <c r="K113" s="2" t="s">
        <v>64</v>
      </c>
      <c r="L113" s="2" t="s">
        <v>1583</v>
      </c>
    </row>
    <row r="114" spans="1:12" x14ac:dyDescent="0.25">
      <c r="A114" s="4" t="s">
        <v>596</v>
      </c>
      <c r="B114" s="6" t="s">
        <v>1525</v>
      </c>
      <c r="C114" s="2" t="s">
        <v>428</v>
      </c>
      <c r="D114" s="2" t="s">
        <v>428</v>
      </c>
      <c r="E114" s="2" t="s">
        <v>64</v>
      </c>
      <c r="F114" s="2" t="s">
        <v>64</v>
      </c>
      <c r="G114" s="2" t="s">
        <v>64</v>
      </c>
      <c r="H114" s="2" t="s">
        <v>428</v>
      </c>
      <c r="I114" s="2" t="s">
        <v>64</v>
      </c>
      <c r="J114" s="2" t="s">
        <v>64</v>
      </c>
      <c r="K114" s="2" t="s">
        <v>64</v>
      </c>
      <c r="L114" s="2" t="s">
        <v>428</v>
      </c>
    </row>
    <row r="115" spans="1:12" x14ac:dyDescent="0.25">
      <c r="A115" s="4" t="s">
        <v>600</v>
      </c>
      <c r="B115" s="6" t="s">
        <v>1534</v>
      </c>
      <c r="C115" s="2" t="s">
        <v>428</v>
      </c>
      <c r="D115" s="2" t="s">
        <v>1584</v>
      </c>
      <c r="E115" s="2" t="s">
        <v>64</v>
      </c>
      <c r="F115" s="2" t="s">
        <v>1585</v>
      </c>
      <c r="G115" s="2" t="s">
        <v>64</v>
      </c>
      <c r="H115" s="2" t="s">
        <v>1586</v>
      </c>
      <c r="I115" s="2" t="s">
        <v>64</v>
      </c>
      <c r="J115" s="2" t="s">
        <v>1585</v>
      </c>
      <c r="K115" s="2" t="s">
        <v>64</v>
      </c>
      <c r="L115" s="2" t="s">
        <v>1586</v>
      </c>
    </row>
    <row r="116" spans="1:12" x14ac:dyDescent="0.25">
      <c r="A116" s="4" t="s">
        <v>602</v>
      </c>
      <c r="B116" s="6" t="s">
        <v>1362</v>
      </c>
      <c r="C116" s="2" t="s">
        <v>1587</v>
      </c>
      <c r="D116" s="2" t="s">
        <v>1588</v>
      </c>
      <c r="E116" s="2" t="s">
        <v>1589</v>
      </c>
      <c r="F116" s="2" t="s">
        <v>1590</v>
      </c>
      <c r="G116" s="2" t="s">
        <v>64</v>
      </c>
      <c r="H116" s="2" t="s">
        <v>1591</v>
      </c>
      <c r="I116" s="2" t="s">
        <v>1592</v>
      </c>
      <c r="J116" s="2" t="s">
        <v>1593</v>
      </c>
      <c r="K116" s="2" t="s">
        <v>64</v>
      </c>
      <c r="L116" s="2" t="s">
        <v>1594</v>
      </c>
    </row>
    <row r="117" spans="1:12" x14ac:dyDescent="0.25">
      <c r="A117" s="4" t="s">
        <v>607</v>
      </c>
      <c r="B117" s="6" t="s">
        <v>1595</v>
      </c>
      <c r="C117" s="2" t="s">
        <v>1596</v>
      </c>
      <c r="D117" s="2" t="s">
        <v>64</v>
      </c>
      <c r="E117" s="2" t="s">
        <v>64</v>
      </c>
      <c r="F117" s="2" t="s">
        <v>64</v>
      </c>
      <c r="G117" s="2" t="s">
        <v>64</v>
      </c>
      <c r="H117" s="2" t="s">
        <v>64</v>
      </c>
      <c r="I117" s="2" t="s">
        <v>64</v>
      </c>
      <c r="J117" s="2" t="s">
        <v>64</v>
      </c>
      <c r="K117" s="2" t="s">
        <v>64</v>
      </c>
      <c r="L117" s="2" t="s">
        <v>64</v>
      </c>
    </row>
    <row r="118" spans="1:12" x14ac:dyDescent="0.25">
      <c r="A118" s="4" t="s">
        <v>609</v>
      </c>
      <c r="B118" s="6" t="s">
        <v>1597</v>
      </c>
      <c r="C118" s="2" t="s">
        <v>1598</v>
      </c>
      <c r="D118" s="2" t="s">
        <v>1599</v>
      </c>
      <c r="E118" s="2" t="s">
        <v>1600</v>
      </c>
      <c r="F118" s="2" t="s">
        <v>1601</v>
      </c>
      <c r="G118" s="2" t="s">
        <v>1309</v>
      </c>
      <c r="H118" s="2" t="s">
        <v>1602</v>
      </c>
      <c r="I118" s="2" t="s">
        <v>1603</v>
      </c>
      <c r="J118" s="2" t="s">
        <v>1604</v>
      </c>
      <c r="K118" s="2" t="s">
        <v>1192</v>
      </c>
      <c r="L118" s="2" t="s">
        <v>1605</v>
      </c>
    </row>
    <row r="119" spans="1:12" x14ac:dyDescent="0.25">
      <c r="A119" s="4" t="s">
        <v>611</v>
      </c>
      <c r="B119" s="6" t="s">
        <v>1606</v>
      </c>
      <c r="C119" s="2" t="s">
        <v>428</v>
      </c>
      <c r="D119" s="2" t="s">
        <v>428</v>
      </c>
      <c r="E119" s="2" t="s">
        <v>64</v>
      </c>
      <c r="F119" s="2" t="s">
        <v>64</v>
      </c>
      <c r="G119" s="2" t="s">
        <v>64</v>
      </c>
      <c r="H119" s="2" t="s">
        <v>428</v>
      </c>
      <c r="I119" s="2" t="s">
        <v>64</v>
      </c>
      <c r="J119" s="2" t="s">
        <v>64</v>
      </c>
      <c r="K119" s="2" t="s">
        <v>64</v>
      </c>
      <c r="L119" s="2" t="s">
        <v>428</v>
      </c>
    </row>
    <row r="120" spans="1:12" x14ac:dyDescent="0.25">
      <c r="A120" s="4" t="s">
        <v>613</v>
      </c>
      <c r="B120" s="6" t="s">
        <v>1607</v>
      </c>
      <c r="C120" s="2" t="s">
        <v>1608</v>
      </c>
      <c r="D120" s="2" t="s">
        <v>1608</v>
      </c>
      <c r="E120" s="2" t="s">
        <v>1609</v>
      </c>
      <c r="F120" s="2" t="s">
        <v>1610</v>
      </c>
      <c r="G120" s="2" t="s">
        <v>1237</v>
      </c>
      <c r="H120" s="2" t="s">
        <v>1611</v>
      </c>
      <c r="I120" s="2" t="s">
        <v>64</v>
      </c>
      <c r="J120" s="2" t="s">
        <v>1612</v>
      </c>
      <c r="K120" s="2" t="s">
        <v>1237</v>
      </c>
      <c r="L120" s="2" t="s">
        <v>1613</v>
      </c>
    </row>
    <row r="121" spans="1:12" x14ac:dyDescent="0.25">
      <c r="A121" s="4" t="s">
        <v>615</v>
      </c>
      <c r="B121" s="6" t="s">
        <v>1614</v>
      </c>
      <c r="C121" s="2" t="s">
        <v>1615</v>
      </c>
      <c r="D121" s="2" t="s">
        <v>1616</v>
      </c>
      <c r="E121" s="2" t="s">
        <v>1617</v>
      </c>
      <c r="F121" s="2" t="s">
        <v>1618</v>
      </c>
      <c r="G121" s="2" t="s">
        <v>958</v>
      </c>
      <c r="H121" s="2" t="s">
        <v>1619</v>
      </c>
      <c r="I121" s="2" t="s">
        <v>1620</v>
      </c>
      <c r="J121" s="2" t="s">
        <v>1621</v>
      </c>
      <c r="K121" s="2" t="s">
        <v>958</v>
      </c>
      <c r="L121" s="2" t="s">
        <v>1622</v>
      </c>
    </row>
    <row r="122" spans="1:12" x14ac:dyDescent="0.25">
      <c r="A122" s="4" t="s">
        <v>617</v>
      </c>
      <c r="B122" s="6" t="s">
        <v>1623</v>
      </c>
      <c r="C122" s="2" t="s">
        <v>428</v>
      </c>
      <c r="D122" s="2" t="s">
        <v>428</v>
      </c>
      <c r="E122" s="2" t="s">
        <v>64</v>
      </c>
      <c r="F122" s="2" t="s">
        <v>64</v>
      </c>
      <c r="G122" s="2" t="s">
        <v>64</v>
      </c>
      <c r="H122" s="2" t="s">
        <v>428</v>
      </c>
      <c r="I122" s="2" t="s">
        <v>64</v>
      </c>
      <c r="J122" s="2" t="s">
        <v>64</v>
      </c>
      <c r="K122" s="2" t="s">
        <v>64</v>
      </c>
      <c r="L122" s="2" t="s">
        <v>428</v>
      </c>
    </row>
    <row r="123" spans="1:12" x14ac:dyDescent="0.25">
      <c r="A123" s="5" t="s">
        <v>619</v>
      </c>
      <c r="B123" s="7" t="s">
        <v>1624</v>
      </c>
      <c r="C123" s="3" t="s">
        <v>1625</v>
      </c>
      <c r="D123" s="3" t="s">
        <v>1626</v>
      </c>
      <c r="E123" s="3" t="s">
        <v>1627</v>
      </c>
      <c r="F123" s="3" t="s">
        <v>1628</v>
      </c>
      <c r="G123" s="3" t="s">
        <v>891</v>
      </c>
      <c r="H123" s="3" t="s">
        <v>1629</v>
      </c>
      <c r="I123" s="3" t="s">
        <v>1630</v>
      </c>
      <c r="J123" s="3" t="s">
        <v>1631</v>
      </c>
      <c r="K123" s="3" t="s">
        <v>891</v>
      </c>
      <c r="L123" s="3" t="s">
        <v>1632</v>
      </c>
    </row>
    <row r="124" spans="1:12" x14ac:dyDescent="0.25">
      <c r="A124" s="4" t="s">
        <v>628</v>
      </c>
      <c r="B124" s="6" t="s">
        <v>1633</v>
      </c>
      <c r="C124" s="2" t="s">
        <v>1625</v>
      </c>
      <c r="D124" s="2" t="s">
        <v>1626</v>
      </c>
      <c r="E124" s="2" t="s">
        <v>1627</v>
      </c>
      <c r="F124" s="2" t="s">
        <v>1628</v>
      </c>
      <c r="G124" s="2" t="s">
        <v>891</v>
      </c>
      <c r="H124" s="2" t="s">
        <v>1629</v>
      </c>
      <c r="I124" s="2" t="s">
        <v>1630</v>
      </c>
      <c r="J124" s="2" t="s">
        <v>1631</v>
      </c>
      <c r="K124" s="2" t="s">
        <v>891</v>
      </c>
      <c r="L124" s="2" t="s">
        <v>1632</v>
      </c>
    </row>
    <row r="125" spans="1:12" x14ac:dyDescent="0.25">
      <c r="A125" s="5" t="s">
        <v>630</v>
      </c>
      <c r="B125" s="7" t="s">
        <v>1634</v>
      </c>
      <c r="C125" s="3" t="s">
        <v>1635</v>
      </c>
      <c r="D125" s="3" t="s">
        <v>1636</v>
      </c>
      <c r="E125" s="3" t="s">
        <v>1637</v>
      </c>
      <c r="F125" s="3" t="s">
        <v>1638</v>
      </c>
      <c r="G125" s="3" t="s">
        <v>1639</v>
      </c>
      <c r="H125" s="3" t="s">
        <v>1640</v>
      </c>
      <c r="I125" s="3" t="s">
        <v>1641</v>
      </c>
      <c r="J125" s="3" t="s">
        <v>1642</v>
      </c>
      <c r="K125" s="3" t="s">
        <v>969</v>
      </c>
      <c r="L125" s="3" t="s">
        <v>1643</v>
      </c>
    </row>
    <row r="126" spans="1:12" x14ac:dyDescent="0.25">
      <c r="A126" s="4" t="s">
        <v>632</v>
      </c>
      <c r="B126" s="6" t="s">
        <v>1644</v>
      </c>
      <c r="C126" s="2" t="s">
        <v>1635</v>
      </c>
      <c r="D126" s="2" t="s">
        <v>1636</v>
      </c>
      <c r="E126" s="2" t="s">
        <v>1637</v>
      </c>
      <c r="F126" s="2" t="s">
        <v>1638</v>
      </c>
      <c r="G126" s="2" t="s">
        <v>1639</v>
      </c>
      <c r="H126" s="2" t="s">
        <v>1640</v>
      </c>
      <c r="I126" s="2" t="s">
        <v>1641</v>
      </c>
      <c r="J126" s="2" t="s">
        <v>1642</v>
      </c>
      <c r="K126" s="2" t="s">
        <v>969</v>
      </c>
      <c r="L126" s="2" t="s">
        <v>1643</v>
      </c>
    </row>
    <row r="127" spans="1:12" x14ac:dyDescent="0.25">
      <c r="A127" s="5" t="s">
        <v>634</v>
      </c>
      <c r="B127" s="7" t="s">
        <v>1645</v>
      </c>
      <c r="C127" s="3" t="s">
        <v>1646</v>
      </c>
      <c r="D127" s="3" t="s">
        <v>1647</v>
      </c>
      <c r="E127" s="3" t="s">
        <v>1648</v>
      </c>
      <c r="F127" s="3" t="s">
        <v>1649</v>
      </c>
      <c r="G127" s="3" t="s">
        <v>1501</v>
      </c>
      <c r="H127" s="3" t="s">
        <v>1650</v>
      </c>
      <c r="I127" s="3" t="s">
        <v>1651</v>
      </c>
      <c r="J127" s="3" t="s">
        <v>1652</v>
      </c>
      <c r="K127" s="3" t="s">
        <v>1653</v>
      </c>
      <c r="L127" s="3" t="s">
        <v>1654</v>
      </c>
    </row>
    <row r="128" spans="1:12" x14ac:dyDescent="0.25">
      <c r="A128" s="4" t="s">
        <v>636</v>
      </c>
      <c r="B128" s="6" t="s">
        <v>1644</v>
      </c>
      <c r="C128" s="2" t="s">
        <v>1655</v>
      </c>
      <c r="D128" s="2" t="s">
        <v>1656</v>
      </c>
      <c r="E128" s="2" t="s">
        <v>64</v>
      </c>
      <c r="F128" s="2" t="s">
        <v>64</v>
      </c>
      <c r="G128" s="2" t="s">
        <v>64</v>
      </c>
      <c r="H128" s="2" t="s">
        <v>1656</v>
      </c>
      <c r="I128" s="2" t="s">
        <v>64</v>
      </c>
      <c r="J128" s="2" t="s">
        <v>64</v>
      </c>
      <c r="K128" s="2" t="s">
        <v>64</v>
      </c>
      <c r="L128" s="2" t="s">
        <v>1656</v>
      </c>
    </row>
    <row r="129" spans="1:12" x14ac:dyDescent="0.25">
      <c r="A129" s="4" t="s">
        <v>644</v>
      </c>
      <c r="B129" s="6" t="s">
        <v>1657</v>
      </c>
      <c r="C129" s="2" t="s">
        <v>1658</v>
      </c>
      <c r="D129" s="2" t="s">
        <v>1659</v>
      </c>
      <c r="E129" s="2" t="s">
        <v>1660</v>
      </c>
      <c r="F129" s="2" t="s">
        <v>1661</v>
      </c>
      <c r="G129" s="2" t="s">
        <v>958</v>
      </c>
      <c r="H129" s="2" t="s">
        <v>1662</v>
      </c>
      <c r="I129" s="2" t="s">
        <v>1663</v>
      </c>
      <c r="J129" s="2" t="s">
        <v>1664</v>
      </c>
      <c r="K129" s="2" t="s">
        <v>958</v>
      </c>
      <c r="L129" s="2" t="s">
        <v>1665</v>
      </c>
    </row>
    <row r="130" spans="1:12" x14ac:dyDescent="0.25">
      <c r="A130" s="4" t="s">
        <v>648</v>
      </c>
      <c r="B130" s="6" t="s">
        <v>1623</v>
      </c>
      <c r="C130" s="2" t="s">
        <v>428</v>
      </c>
      <c r="D130" s="2" t="s">
        <v>428</v>
      </c>
      <c r="E130" s="2" t="s">
        <v>64</v>
      </c>
      <c r="F130" s="2" t="s">
        <v>64</v>
      </c>
      <c r="G130" s="2" t="s">
        <v>64</v>
      </c>
      <c r="H130" s="2" t="s">
        <v>428</v>
      </c>
      <c r="I130" s="2" t="s">
        <v>64</v>
      </c>
      <c r="J130" s="2" t="s">
        <v>64</v>
      </c>
      <c r="K130" s="2" t="s">
        <v>64</v>
      </c>
      <c r="L130" s="2" t="s">
        <v>428</v>
      </c>
    </row>
    <row r="131" spans="1:12" x14ac:dyDescent="0.25">
      <c r="A131" s="4" t="s">
        <v>650</v>
      </c>
      <c r="B131" s="6" t="s">
        <v>1666</v>
      </c>
      <c r="C131" s="2" t="s">
        <v>1667</v>
      </c>
      <c r="D131" s="2" t="s">
        <v>1668</v>
      </c>
      <c r="E131" s="2" t="s">
        <v>1669</v>
      </c>
      <c r="F131" s="2" t="s">
        <v>1670</v>
      </c>
      <c r="G131" s="2" t="s">
        <v>954</v>
      </c>
      <c r="H131" s="2" t="s">
        <v>1671</v>
      </c>
      <c r="I131" s="2" t="s">
        <v>1672</v>
      </c>
      <c r="J131" s="2" t="s">
        <v>1673</v>
      </c>
      <c r="K131" s="2" t="s">
        <v>954</v>
      </c>
      <c r="L131" s="2" t="s">
        <v>1674</v>
      </c>
    </row>
    <row r="132" spans="1:12" x14ac:dyDescent="0.25">
      <c r="A132" s="4" t="s">
        <v>652</v>
      </c>
      <c r="B132" s="6" t="s">
        <v>1675</v>
      </c>
      <c r="C132" s="2" t="s">
        <v>1676</v>
      </c>
      <c r="D132" s="2" t="s">
        <v>1677</v>
      </c>
      <c r="E132" s="2" t="s">
        <v>1678</v>
      </c>
      <c r="F132" s="2" t="s">
        <v>1679</v>
      </c>
      <c r="G132" s="2" t="s">
        <v>1241</v>
      </c>
      <c r="H132" s="2" t="s">
        <v>1680</v>
      </c>
      <c r="I132" s="2" t="s">
        <v>1681</v>
      </c>
      <c r="J132" s="2" t="s">
        <v>1682</v>
      </c>
      <c r="K132" s="2" t="s">
        <v>1221</v>
      </c>
      <c r="L132" s="2" t="s">
        <v>1683</v>
      </c>
    </row>
    <row r="133" spans="1:12" x14ac:dyDescent="0.25">
      <c r="A133" s="5" t="s">
        <v>654</v>
      </c>
      <c r="B133" s="7" t="s">
        <v>1684</v>
      </c>
      <c r="C133" s="3" t="s">
        <v>64</v>
      </c>
      <c r="D133" s="3" t="s">
        <v>64</v>
      </c>
      <c r="E133" s="3" t="s">
        <v>64</v>
      </c>
      <c r="F133" s="3" t="s">
        <v>64</v>
      </c>
      <c r="G133" s="3" t="s">
        <v>64</v>
      </c>
      <c r="H133" s="3" t="s">
        <v>64</v>
      </c>
      <c r="I133" s="3" t="s">
        <v>64</v>
      </c>
      <c r="J133" s="3" t="s">
        <v>64</v>
      </c>
      <c r="K133" s="3" t="s">
        <v>64</v>
      </c>
      <c r="L133" s="3" t="s">
        <v>64</v>
      </c>
    </row>
    <row r="134" spans="1:12" x14ac:dyDescent="0.25">
      <c r="A134" s="4" t="s">
        <v>656</v>
      </c>
      <c r="B134" s="6" t="s">
        <v>893</v>
      </c>
      <c r="C134" s="2" t="s">
        <v>64</v>
      </c>
      <c r="D134" s="2" t="s">
        <v>64</v>
      </c>
      <c r="E134" s="2" t="s">
        <v>64</v>
      </c>
      <c r="F134" s="2" t="s">
        <v>64</v>
      </c>
      <c r="G134" s="2" t="s">
        <v>64</v>
      </c>
      <c r="H134" s="2" t="s">
        <v>64</v>
      </c>
      <c r="I134" s="2" t="s">
        <v>64</v>
      </c>
      <c r="J134" s="2" t="s">
        <v>64</v>
      </c>
      <c r="K134" s="2" t="s">
        <v>64</v>
      </c>
      <c r="L134" s="2" t="s">
        <v>64</v>
      </c>
    </row>
    <row r="135" spans="1:12" x14ac:dyDescent="0.25">
      <c r="A135" s="5" t="s">
        <v>663</v>
      </c>
      <c r="B135" s="7" t="s">
        <v>1685</v>
      </c>
      <c r="C135" s="3" t="s">
        <v>1686</v>
      </c>
      <c r="D135" s="3" t="s">
        <v>1687</v>
      </c>
      <c r="E135" s="3" t="s">
        <v>1688</v>
      </c>
      <c r="F135" s="3" t="s">
        <v>1689</v>
      </c>
      <c r="G135" s="3" t="s">
        <v>64</v>
      </c>
      <c r="H135" s="3" t="s">
        <v>1690</v>
      </c>
      <c r="I135" s="3" t="s">
        <v>64</v>
      </c>
      <c r="J135" s="3" t="s">
        <v>1691</v>
      </c>
      <c r="K135" s="3" t="s">
        <v>64</v>
      </c>
      <c r="L135" s="3" t="s">
        <v>1692</v>
      </c>
    </row>
    <row r="136" spans="1:12" x14ac:dyDescent="0.25">
      <c r="A136" s="4" t="s">
        <v>665</v>
      </c>
      <c r="B136" s="6" t="s">
        <v>1693</v>
      </c>
      <c r="C136" s="2" t="s">
        <v>1694</v>
      </c>
      <c r="D136" s="2" t="s">
        <v>1695</v>
      </c>
      <c r="E136" s="2" t="s">
        <v>64</v>
      </c>
      <c r="F136" s="2" t="s">
        <v>64</v>
      </c>
      <c r="G136" s="2" t="s">
        <v>64</v>
      </c>
      <c r="H136" s="2" t="s">
        <v>1695</v>
      </c>
      <c r="I136" s="2" t="s">
        <v>64</v>
      </c>
      <c r="J136" s="2" t="s">
        <v>64</v>
      </c>
      <c r="K136" s="2" t="s">
        <v>64</v>
      </c>
      <c r="L136" s="2" t="s">
        <v>1695</v>
      </c>
    </row>
    <row r="137" spans="1:12" x14ac:dyDescent="0.25">
      <c r="A137" s="4" t="s">
        <v>667</v>
      </c>
      <c r="B137" s="6" t="s">
        <v>1696</v>
      </c>
      <c r="C137" s="2" t="s">
        <v>1609</v>
      </c>
      <c r="D137" s="2" t="s">
        <v>1697</v>
      </c>
      <c r="E137" s="2" t="s">
        <v>1688</v>
      </c>
      <c r="F137" s="2" t="s">
        <v>1689</v>
      </c>
      <c r="G137" s="2" t="s">
        <v>64</v>
      </c>
      <c r="H137" s="2" t="s">
        <v>1698</v>
      </c>
      <c r="I137" s="2" t="s">
        <v>64</v>
      </c>
      <c r="J137" s="2" t="s">
        <v>1691</v>
      </c>
      <c r="K137" s="2" t="s">
        <v>64</v>
      </c>
      <c r="L137" s="2" t="s">
        <v>1699</v>
      </c>
    </row>
    <row r="138" spans="1:12" x14ac:dyDescent="0.25">
      <c r="A138" s="5" t="s">
        <v>669</v>
      </c>
      <c r="B138" s="7" t="s">
        <v>1700</v>
      </c>
      <c r="C138" s="3" t="s">
        <v>1701</v>
      </c>
      <c r="D138" s="3" t="s">
        <v>1702</v>
      </c>
      <c r="E138" s="3" t="s">
        <v>1703</v>
      </c>
      <c r="F138" s="3" t="s">
        <v>1704</v>
      </c>
      <c r="G138" s="3" t="s">
        <v>1705</v>
      </c>
      <c r="H138" s="3" t="s">
        <v>1706</v>
      </c>
      <c r="I138" s="3" t="s">
        <v>1707</v>
      </c>
      <c r="J138" s="3" t="s">
        <v>1708</v>
      </c>
      <c r="K138" s="3" t="s">
        <v>1709</v>
      </c>
      <c r="L138" s="3" t="s">
        <v>1710</v>
      </c>
    </row>
    <row r="139" spans="1:12" x14ac:dyDescent="0.25">
      <c r="A139" s="4" t="s">
        <v>671</v>
      </c>
      <c r="B139" s="6" t="s">
        <v>862</v>
      </c>
      <c r="C139" s="2" t="s">
        <v>1711</v>
      </c>
      <c r="D139" s="2" t="s">
        <v>1712</v>
      </c>
      <c r="E139" s="2" t="s">
        <v>1713</v>
      </c>
      <c r="F139" s="2" t="s">
        <v>1714</v>
      </c>
      <c r="G139" s="2" t="s">
        <v>1715</v>
      </c>
      <c r="H139" s="2" t="s">
        <v>1716</v>
      </c>
      <c r="I139" s="2" t="s">
        <v>1717</v>
      </c>
      <c r="J139" s="2" t="s">
        <v>1718</v>
      </c>
      <c r="K139" s="2" t="s">
        <v>1719</v>
      </c>
      <c r="L139" s="2" t="s">
        <v>1720</v>
      </c>
    </row>
    <row r="140" spans="1:12" x14ac:dyDescent="0.25">
      <c r="A140" s="4" t="s">
        <v>673</v>
      </c>
      <c r="B140" s="6" t="s">
        <v>1721</v>
      </c>
      <c r="C140" s="2" t="s">
        <v>1722</v>
      </c>
      <c r="D140" s="2" t="s">
        <v>1723</v>
      </c>
      <c r="E140" s="2" t="s">
        <v>1724</v>
      </c>
      <c r="F140" s="2" t="s">
        <v>1725</v>
      </c>
      <c r="G140" s="2" t="s">
        <v>1237</v>
      </c>
      <c r="H140" s="2" t="s">
        <v>1726</v>
      </c>
      <c r="I140" s="2" t="s">
        <v>1727</v>
      </c>
      <c r="J140" s="2" t="s">
        <v>1728</v>
      </c>
      <c r="K140" s="2" t="s">
        <v>64</v>
      </c>
      <c r="L140" s="2" t="s">
        <v>1729</v>
      </c>
    </row>
    <row r="141" spans="1:12" x14ac:dyDescent="0.25">
      <c r="A141" s="4" t="s">
        <v>675</v>
      </c>
      <c r="B141" s="6" t="s">
        <v>1730</v>
      </c>
      <c r="C141" s="2" t="s">
        <v>1731</v>
      </c>
      <c r="D141" s="2" t="s">
        <v>1732</v>
      </c>
      <c r="E141" s="2" t="s">
        <v>1733</v>
      </c>
      <c r="F141" s="2" t="s">
        <v>1734</v>
      </c>
      <c r="G141" s="2" t="s">
        <v>1735</v>
      </c>
      <c r="H141" s="2" t="s">
        <v>1736</v>
      </c>
      <c r="I141" s="2" t="s">
        <v>1737</v>
      </c>
      <c r="J141" s="2" t="s">
        <v>1738</v>
      </c>
      <c r="K141" s="2" t="s">
        <v>1739</v>
      </c>
      <c r="L141" s="2" t="s">
        <v>1740</v>
      </c>
    </row>
    <row r="142" spans="1:12" x14ac:dyDescent="0.25">
      <c r="A142" s="4" t="s">
        <v>677</v>
      </c>
      <c r="B142" s="6" t="s">
        <v>1741</v>
      </c>
      <c r="C142" s="2" t="s">
        <v>1742</v>
      </c>
      <c r="D142" s="2" t="s">
        <v>1694</v>
      </c>
      <c r="E142" s="2" t="s">
        <v>64</v>
      </c>
      <c r="F142" s="2" t="s">
        <v>64</v>
      </c>
      <c r="G142" s="2" t="s">
        <v>64</v>
      </c>
      <c r="H142" s="2" t="s">
        <v>1694</v>
      </c>
      <c r="I142" s="2" t="s">
        <v>64</v>
      </c>
      <c r="J142" s="2" t="s">
        <v>64</v>
      </c>
      <c r="K142" s="2" t="s">
        <v>64</v>
      </c>
      <c r="L142" s="2" t="s">
        <v>1694</v>
      </c>
    </row>
    <row r="143" spans="1:12" x14ac:dyDescent="0.25">
      <c r="A143" s="4" t="s">
        <v>679</v>
      </c>
      <c r="B143" s="6" t="s">
        <v>1743</v>
      </c>
      <c r="C143" s="2" t="s">
        <v>1744</v>
      </c>
      <c r="D143" s="2" t="s">
        <v>1745</v>
      </c>
      <c r="E143" s="2" t="s">
        <v>64</v>
      </c>
      <c r="F143" s="2" t="s">
        <v>64</v>
      </c>
      <c r="G143" s="2" t="s">
        <v>64</v>
      </c>
      <c r="H143" s="2" t="s">
        <v>1745</v>
      </c>
      <c r="I143" s="2" t="s">
        <v>64</v>
      </c>
      <c r="J143" s="2" t="s">
        <v>64</v>
      </c>
      <c r="K143" s="2" t="s">
        <v>64</v>
      </c>
      <c r="L143" s="2" t="s">
        <v>1745</v>
      </c>
    </row>
    <row r="144" spans="1:12" x14ac:dyDescent="0.25">
      <c r="A144" s="5" t="s">
        <v>681</v>
      </c>
      <c r="B144" s="7" t="s">
        <v>1746</v>
      </c>
      <c r="C144" s="3" t="s">
        <v>1747</v>
      </c>
      <c r="D144" s="3" t="s">
        <v>1748</v>
      </c>
      <c r="E144" s="3" t="s">
        <v>1749</v>
      </c>
      <c r="F144" s="3" t="s">
        <v>1750</v>
      </c>
      <c r="G144" s="3" t="s">
        <v>1751</v>
      </c>
      <c r="H144" s="3" t="s">
        <v>1752</v>
      </c>
      <c r="I144" s="3" t="s">
        <v>1753</v>
      </c>
      <c r="J144" s="3" t="s">
        <v>1754</v>
      </c>
      <c r="K144" s="3" t="s">
        <v>948</v>
      </c>
      <c r="L144" s="3" t="s">
        <v>1755</v>
      </c>
    </row>
    <row r="145" spans="1:12" x14ac:dyDescent="0.25">
      <c r="A145" s="4" t="s">
        <v>683</v>
      </c>
      <c r="B145" s="6" t="s">
        <v>1756</v>
      </c>
      <c r="C145" s="2" t="s">
        <v>1757</v>
      </c>
      <c r="D145" s="2" t="s">
        <v>1758</v>
      </c>
      <c r="E145" s="2" t="s">
        <v>1759</v>
      </c>
      <c r="F145" s="2" t="s">
        <v>1760</v>
      </c>
      <c r="G145" s="2" t="s">
        <v>1237</v>
      </c>
      <c r="H145" s="2" t="s">
        <v>1761</v>
      </c>
      <c r="I145" s="2" t="s">
        <v>1762</v>
      </c>
      <c r="J145" s="2" t="s">
        <v>1763</v>
      </c>
      <c r="K145" s="2" t="s">
        <v>1221</v>
      </c>
      <c r="L145" s="2" t="s">
        <v>1764</v>
      </c>
    </row>
    <row r="146" spans="1:12" x14ac:dyDescent="0.25">
      <c r="A146" s="4" t="s">
        <v>685</v>
      </c>
      <c r="B146" s="6" t="s">
        <v>1765</v>
      </c>
      <c r="C146" s="2" t="s">
        <v>1766</v>
      </c>
      <c r="D146" s="2" t="s">
        <v>1767</v>
      </c>
      <c r="E146" s="2" t="s">
        <v>1768</v>
      </c>
      <c r="F146" s="2" t="s">
        <v>1769</v>
      </c>
      <c r="G146" s="2" t="s">
        <v>1511</v>
      </c>
      <c r="H146" s="2" t="s">
        <v>1770</v>
      </c>
      <c r="I146" s="2" t="s">
        <v>1771</v>
      </c>
      <c r="J146" s="2" t="s">
        <v>1772</v>
      </c>
      <c r="K146" s="2" t="s">
        <v>954</v>
      </c>
      <c r="L146" s="2" t="s">
        <v>1773</v>
      </c>
    </row>
    <row r="147" spans="1:12" x14ac:dyDescent="0.25">
      <c r="A147" s="5" t="s">
        <v>687</v>
      </c>
      <c r="B147" s="7" t="s">
        <v>1774</v>
      </c>
      <c r="C147" s="3" t="s">
        <v>1775</v>
      </c>
      <c r="D147" s="3" t="s">
        <v>1776</v>
      </c>
      <c r="E147" s="3" t="s">
        <v>1777</v>
      </c>
      <c r="F147" s="3" t="s">
        <v>1778</v>
      </c>
      <c r="G147" s="3" t="s">
        <v>1779</v>
      </c>
      <c r="H147" s="3" t="s">
        <v>1780</v>
      </c>
      <c r="I147" s="3" t="s">
        <v>1781</v>
      </c>
      <c r="J147" s="3" t="s">
        <v>1782</v>
      </c>
      <c r="K147" s="3" t="s">
        <v>1783</v>
      </c>
      <c r="L147" s="3" t="s">
        <v>1784</v>
      </c>
    </row>
    <row r="148" spans="1:12" x14ac:dyDescent="0.25">
      <c r="A148" s="4" t="s">
        <v>689</v>
      </c>
      <c r="B148" s="6" t="s">
        <v>1785</v>
      </c>
      <c r="C148" s="2" t="s">
        <v>1786</v>
      </c>
      <c r="D148" s="2" t="s">
        <v>1787</v>
      </c>
      <c r="E148" s="2" t="s">
        <v>1788</v>
      </c>
      <c r="F148" s="2" t="s">
        <v>1789</v>
      </c>
      <c r="G148" s="2" t="s">
        <v>1790</v>
      </c>
      <c r="H148" s="2" t="s">
        <v>1791</v>
      </c>
      <c r="I148" s="2" t="s">
        <v>1788</v>
      </c>
      <c r="J148" s="2" t="s">
        <v>1789</v>
      </c>
      <c r="K148" s="2" t="s">
        <v>1792</v>
      </c>
      <c r="L148" s="2" t="s">
        <v>1791</v>
      </c>
    </row>
    <row r="149" spans="1:12" x14ac:dyDescent="0.25">
      <c r="A149" s="4" t="s">
        <v>691</v>
      </c>
      <c r="B149" s="6" t="s">
        <v>1104</v>
      </c>
      <c r="C149" s="2" t="s">
        <v>1793</v>
      </c>
      <c r="D149" s="2" t="s">
        <v>1794</v>
      </c>
      <c r="E149" s="2" t="s">
        <v>1795</v>
      </c>
      <c r="F149" s="2" t="s">
        <v>1796</v>
      </c>
      <c r="G149" s="2" t="s">
        <v>1797</v>
      </c>
      <c r="H149" s="2" t="s">
        <v>1798</v>
      </c>
      <c r="I149" s="2" t="s">
        <v>1799</v>
      </c>
      <c r="J149" s="2" t="s">
        <v>1800</v>
      </c>
      <c r="K149" s="2" t="s">
        <v>975</v>
      </c>
      <c r="L149" s="2" t="s">
        <v>1801</v>
      </c>
    </row>
    <row r="150" spans="1:12" x14ac:dyDescent="0.25">
      <c r="A150" s="4" t="s">
        <v>693</v>
      </c>
      <c r="B150" s="6" t="s">
        <v>1802</v>
      </c>
      <c r="C150" s="2" t="s">
        <v>1803</v>
      </c>
      <c r="D150" s="2" t="s">
        <v>1804</v>
      </c>
      <c r="E150" s="2" t="s">
        <v>1805</v>
      </c>
      <c r="F150" s="2" t="s">
        <v>1806</v>
      </c>
      <c r="G150" s="2" t="s">
        <v>1807</v>
      </c>
      <c r="H150" s="2" t="s">
        <v>1808</v>
      </c>
      <c r="I150" s="2" t="s">
        <v>1805</v>
      </c>
      <c r="J150" s="2" t="s">
        <v>1809</v>
      </c>
      <c r="K150" s="2" t="s">
        <v>1454</v>
      </c>
      <c r="L150" s="2" t="s">
        <v>1810</v>
      </c>
    </row>
    <row r="151" spans="1:12" x14ac:dyDescent="0.25">
      <c r="A151" s="4" t="s">
        <v>695</v>
      </c>
      <c r="B151" s="6" t="s">
        <v>1811</v>
      </c>
      <c r="C151" s="2" t="s">
        <v>1812</v>
      </c>
      <c r="D151" s="2" t="s">
        <v>1812</v>
      </c>
      <c r="E151" s="2" t="s">
        <v>64</v>
      </c>
      <c r="F151" s="2" t="s">
        <v>1812</v>
      </c>
      <c r="G151" s="2" t="s">
        <v>1813</v>
      </c>
      <c r="H151" s="2" t="s">
        <v>64</v>
      </c>
      <c r="I151" s="2" t="s">
        <v>284</v>
      </c>
      <c r="J151" s="2" t="s">
        <v>1814</v>
      </c>
      <c r="K151" s="2" t="s">
        <v>1484</v>
      </c>
      <c r="L151" s="2" t="s">
        <v>284</v>
      </c>
    </row>
    <row r="152" spans="1:12" x14ac:dyDescent="0.25">
      <c r="A152" s="4" t="s">
        <v>697</v>
      </c>
      <c r="B152" s="6" t="s">
        <v>902</v>
      </c>
      <c r="C152" s="2" t="s">
        <v>1815</v>
      </c>
      <c r="D152" s="2" t="s">
        <v>1816</v>
      </c>
      <c r="E152" s="2" t="s">
        <v>1817</v>
      </c>
      <c r="F152" s="2" t="s">
        <v>1818</v>
      </c>
      <c r="G152" s="2" t="s">
        <v>1819</v>
      </c>
      <c r="H152" s="2" t="s">
        <v>1820</v>
      </c>
      <c r="I152" s="2" t="s">
        <v>1821</v>
      </c>
      <c r="J152" s="2" t="s">
        <v>1822</v>
      </c>
      <c r="K152" s="2" t="s">
        <v>1823</v>
      </c>
      <c r="L152" s="2" t="s">
        <v>1824</v>
      </c>
    </row>
    <row r="153" spans="1:12" x14ac:dyDescent="0.25">
      <c r="A153" s="5" t="s">
        <v>699</v>
      </c>
      <c r="B153" s="7" t="s">
        <v>1825</v>
      </c>
      <c r="C153" s="3" t="s">
        <v>64</v>
      </c>
      <c r="D153" s="3" t="s">
        <v>64</v>
      </c>
      <c r="E153" s="3" t="s">
        <v>64</v>
      </c>
      <c r="F153" s="3" t="s">
        <v>64</v>
      </c>
      <c r="G153" s="3" t="s">
        <v>64</v>
      </c>
      <c r="H153" s="3" t="s">
        <v>64</v>
      </c>
      <c r="I153" s="3" t="s">
        <v>64</v>
      </c>
      <c r="J153" s="3" t="s">
        <v>64</v>
      </c>
      <c r="K153" s="3" t="s">
        <v>64</v>
      </c>
      <c r="L153" s="3" t="s">
        <v>64</v>
      </c>
    </row>
    <row r="154" spans="1:12" x14ac:dyDescent="0.25">
      <c r="A154" s="4" t="s">
        <v>708</v>
      </c>
      <c r="B154" s="6" t="s">
        <v>1826</v>
      </c>
      <c r="C154" s="2" t="s">
        <v>64</v>
      </c>
      <c r="D154" s="2" t="s">
        <v>64</v>
      </c>
      <c r="E154" s="2" t="s">
        <v>64</v>
      </c>
      <c r="F154" s="2" t="s">
        <v>64</v>
      </c>
      <c r="G154" s="2" t="s">
        <v>64</v>
      </c>
      <c r="H154" s="2" t="s">
        <v>64</v>
      </c>
      <c r="I154" s="2" t="s">
        <v>64</v>
      </c>
      <c r="J154" s="2" t="s">
        <v>64</v>
      </c>
      <c r="K154" s="2" t="s">
        <v>64</v>
      </c>
      <c r="L154" s="2" t="s">
        <v>64</v>
      </c>
    </row>
    <row r="155" spans="1:12" x14ac:dyDescent="0.25">
      <c r="A155" s="5" t="s">
        <v>710</v>
      </c>
      <c r="B155" s="7" t="s">
        <v>1827</v>
      </c>
      <c r="C155" s="3" t="s">
        <v>64</v>
      </c>
      <c r="D155" s="3" t="s">
        <v>64</v>
      </c>
      <c r="E155" s="3" t="s">
        <v>64</v>
      </c>
      <c r="F155" s="3" t="s">
        <v>64</v>
      </c>
      <c r="G155" s="3" t="s">
        <v>64</v>
      </c>
      <c r="H155" s="3" t="s">
        <v>64</v>
      </c>
      <c r="I155" s="3" t="s">
        <v>64</v>
      </c>
      <c r="J155" s="3" t="s">
        <v>64</v>
      </c>
      <c r="K155" s="3" t="s">
        <v>64</v>
      </c>
      <c r="L155" s="3" t="s">
        <v>64</v>
      </c>
    </row>
    <row r="156" spans="1:12" x14ac:dyDescent="0.25">
      <c r="A156" s="4" t="s">
        <v>712</v>
      </c>
      <c r="B156" s="6" t="s">
        <v>1828</v>
      </c>
      <c r="C156" s="2" t="s">
        <v>64</v>
      </c>
      <c r="D156" s="2" t="s">
        <v>64</v>
      </c>
      <c r="E156" s="2" t="s">
        <v>64</v>
      </c>
      <c r="F156" s="2" t="s">
        <v>64</v>
      </c>
      <c r="G156" s="2" t="s">
        <v>64</v>
      </c>
      <c r="H156" s="2" t="s">
        <v>64</v>
      </c>
      <c r="I156" s="2" t="s">
        <v>64</v>
      </c>
      <c r="J156" s="2" t="s">
        <v>64</v>
      </c>
      <c r="K156" s="2" t="s">
        <v>64</v>
      </c>
      <c r="L156" s="2" t="s">
        <v>64</v>
      </c>
    </row>
    <row r="157" spans="1:12" x14ac:dyDescent="0.25">
      <c r="A157" s="5" t="s">
        <v>714</v>
      </c>
      <c r="B157" s="7" t="s">
        <v>1829</v>
      </c>
      <c r="C157" s="3" t="s">
        <v>558</v>
      </c>
      <c r="D157" s="3" t="s">
        <v>559</v>
      </c>
      <c r="E157" s="3" t="s">
        <v>64</v>
      </c>
      <c r="F157" s="3" t="s">
        <v>64</v>
      </c>
      <c r="G157" s="3" t="s">
        <v>64</v>
      </c>
      <c r="H157" s="3" t="s">
        <v>559</v>
      </c>
      <c r="I157" s="3" t="s">
        <v>64</v>
      </c>
      <c r="J157" s="3" t="s">
        <v>64</v>
      </c>
      <c r="K157" s="3" t="s">
        <v>64</v>
      </c>
      <c r="L157" s="3" t="s">
        <v>559</v>
      </c>
    </row>
    <row r="158" spans="1:12" x14ac:dyDescent="0.25">
      <c r="A158" s="4" t="s">
        <v>716</v>
      </c>
      <c r="B158" s="6" t="s">
        <v>1830</v>
      </c>
      <c r="C158" s="2" t="s">
        <v>558</v>
      </c>
      <c r="D158" s="2" t="s">
        <v>559</v>
      </c>
      <c r="E158" s="2" t="s">
        <v>64</v>
      </c>
      <c r="F158" s="2" t="s">
        <v>64</v>
      </c>
      <c r="G158" s="2" t="s">
        <v>64</v>
      </c>
      <c r="H158" s="2" t="s">
        <v>559</v>
      </c>
      <c r="I158" s="2" t="s">
        <v>64</v>
      </c>
      <c r="J158" s="2" t="s">
        <v>64</v>
      </c>
      <c r="K158" s="2" t="s">
        <v>64</v>
      </c>
      <c r="L158" s="2" t="s">
        <v>559</v>
      </c>
    </row>
    <row r="159" spans="1:12" x14ac:dyDescent="0.25">
      <c r="A159" s="5" t="s">
        <v>718</v>
      </c>
      <c r="B159" s="7" t="s">
        <v>1831</v>
      </c>
      <c r="C159" s="3" t="s">
        <v>562</v>
      </c>
      <c r="D159" s="3" t="s">
        <v>563</v>
      </c>
      <c r="E159" s="3" t="s">
        <v>564</v>
      </c>
      <c r="F159" s="3" t="s">
        <v>565</v>
      </c>
      <c r="G159" s="3" t="s">
        <v>1832</v>
      </c>
      <c r="H159" s="3" t="s">
        <v>566</v>
      </c>
      <c r="I159" s="3" t="s">
        <v>567</v>
      </c>
      <c r="J159" s="3" t="s">
        <v>568</v>
      </c>
      <c r="K159" s="3" t="s">
        <v>1833</v>
      </c>
      <c r="L159" s="3" t="s">
        <v>569</v>
      </c>
    </row>
    <row r="160" spans="1:12" x14ac:dyDescent="0.25">
      <c r="A160" s="5" t="s">
        <v>720</v>
      </c>
      <c r="B160" s="7" t="s">
        <v>807</v>
      </c>
      <c r="C160" s="3" t="s">
        <v>1834</v>
      </c>
      <c r="D160" s="3" t="s">
        <v>1835</v>
      </c>
      <c r="E160" s="3" t="s">
        <v>1836</v>
      </c>
      <c r="F160" s="3" t="s">
        <v>1837</v>
      </c>
      <c r="G160" s="3" t="s">
        <v>1838</v>
      </c>
      <c r="H160" s="3" t="s">
        <v>1839</v>
      </c>
      <c r="I160" s="3" t="s">
        <v>1836</v>
      </c>
      <c r="J160" s="3" t="s">
        <v>1837</v>
      </c>
      <c r="K160" s="3" t="s">
        <v>1840</v>
      </c>
      <c r="L160" s="3" t="s">
        <v>1839</v>
      </c>
    </row>
    <row r="161" spans="1:12" x14ac:dyDescent="0.25">
      <c r="A161" s="4" t="s">
        <v>722</v>
      </c>
      <c r="B161" s="6" t="s">
        <v>818</v>
      </c>
      <c r="C161" s="2" t="s">
        <v>1841</v>
      </c>
      <c r="D161" s="2" t="s">
        <v>1842</v>
      </c>
      <c r="E161" s="2" t="s">
        <v>1843</v>
      </c>
      <c r="F161" s="2" t="s">
        <v>1844</v>
      </c>
      <c r="G161" s="2" t="s">
        <v>1813</v>
      </c>
      <c r="H161" s="2" t="s">
        <v>1845</v>
      </c>
      <c r="I161" s="2" t="s">
        <v>1843</v>
      </c>
      <c r="J161" s="2" t="s">
        <v>1844</v>
      </c>
      <c r="K161" s="2" t="s">
        <v>1454</v>
      </c>
      <c r="L161" s="2" t="s">
        <v>1845</v>
      </c>
    </row>
    <row r="162" spans="1:12" x14ac:dyDescent="0.25">
      <c r="A162" s="4" t="s">
        <v>724</v>
      </c>
      <c r="B162" s="6" t="s">
        <v>829</v>
      </c>
      <c r="C162" s="2" t="s">
        <v>1846</v>
      </c>
      <c r="D162" s="2" t="s">
        <v>1847</v>
      </c>
      <c r="E162" s="2" t="s">
        <v>1848</v>
      </c>
      <c r="F162" s="2" t="s">
        <v>1849</v>
      </c>
      <c r="G162" s="2" t="s">
        <v>1850</v>
      </c>
      <c r="H162" s="2" t="s">
        <v>1851</v>
      </c>
      <c r="I162" s="2" t="s">
        <v>1848</v>
      </c>
      <c r="J162" s="2" t="s">
        <v>1849</v>
      </c>
      <c r="K162" s="2" t="s">
        <v>1852</v>
      </c>
      <c r="L162" s="2" t="s">
        <v>1851</v>
      </c>
    </row>
    <row r="163" spans="1:12" x14ac:dyDescent="0.25">
      <c r="A163" s="5" t="s">
        <v>726</v>
      </c>
      <c r="B163" s="7" t="s">
        <v>840</v>
      </c>
      <c r="C163" s="3" t="s">
        <v>1853</v>
      </c>
      <c r="D163" s="3" t="s">
        <v>1854</v>
      </c>
      <c r="E163" s="3" t="s">
        <v>1855</v>
      </c>
      <c r="F163" s="3" t="s">
        <v>1856</v>
      </c>
      <c r="G163" s="3" t="s">
        <v>969</v>
      </c>
      <c r="H163" s="3" t="s">
        <v>1857</v>
      </c>
      <c r="I163" s="3" t="s">
        <v>1858</v>
      </c>
      <c r="J163" s="3" t="s">
        <v>1859</v>
      </c>
      <c r="K163" s="3" t="s">
        <v>1860</v>
      </c>
      <c r="L163" s="3" t="s">
        <v>1861</v>
      </c>
    </row>
    <row r="164" spans="1:12" x14ac:dyDescent="0.25">
      <c r="A164" s="4" t="s">
        <v>728</v>
      </c>
      <c r="B164" s="6" t="s">
        <v>851</v>
      </c>
      <c r="C164" s="2" t="s">
        <v>64</v>
      </c>
      <c r="D164" s="2" t="s">
        <v>64</v>
      </c>
      <c r="E164" s="2" t="s">
        <v>64</v>
      </c>
      <c r="F164" s="2" t="s">
        <v>64</v>
      </c>
      <c r="G164" s="2" t="s">
        <v>64</v>
      </c>
      <c r="H164" s="2" t="s">
        <v>64</v>
      </c>
      <c r="I164" s="2" t="s">
        <v>64</v>
      </c>
      <c r="J164" s="2" t="s">
        <v>64</v>
      </c>
      <c r="K164" s="2" t="s">
        <v>64</v>
      </c>
      <c r="L164" s="2" t="s">
        <v>64</v>
      </c>
    </row>
    <row r="165" spans="1:12" x14ac:dyDescent="0.25">
      <c r="A165" s="4" t="s">
        <v>730</v>
      </c>
      <c r="B165" s="6" t="s">
        <v>862</v>
      </c>
      <c r="C165" s="2" t="s">
        <v>1853</v>
      </c>
      <c r="D165" s="2" t="s">
        <v>1854</v>
      </c>
      <c r="E165" s="2" t="s">
        <v>1855</v>
      </c>
      <c r="F165" s="2" t="s">
        <v>1856</v>
      </c>
      <c r="G165" s="2" t="s">
        <v>969</v>
      </c>
      <c r="H165" s="2" t="s">
        <v>1857</v>
      </c>
      <c r="I165" s="2" t="s">
        <v>1858</v>
      </c>
      <c r="J165" s="2" t="s">
        <v>1859</v>
      </c>
      <c r="K165" s="2" t="s">
        <v>1860</v>
      </c>
      <c r="L165" s="2" t="s">
        <v>1861</v>
      </c>
    </row>
    <row r="166" spans="1:12" x14ac:dyDescent="0.25">
      <c r="A166" s="5" t="s">
        <v>732</v>
      </c>
      <c r="B166" s="7" t="s">
        <v>907</v>
      </c>
      <c r="C166" s="3" t="s">
        <v>1862</v>
      </c>
      <c r="D166" s="3" t="s">
        <v>1863</v>
      </c>
      <c r="E166" s="3" t="s">
        <v>1864</v>
      </c>
      <c r="F166" s="3" t="s">
        <v>1865</v>
      </c>
      <c r="G166" s="3" t="s">
        <v>1180</v>
      </c>
      <c r="H166" s="3" t="s">
        <v>1866</v>
      </c>
      <c r="I166" s="3" t="s">
        <v>1864</v>
      </c>
      <c r="J166" s="3" t="s">
        <v>1867</v>
      </c>
      <c r="K166" s="3" t="s">
        <v>1470</v>
      </c>
      <c r="L166" s="3" t="s">
        <v>1868</v>
      </c>
    </row>
    <row r="167" spans="1:12" x14ac:dyDescent="0.25">
      <c r="A167" s="4" t="s">
        <v>734</v>
      </c>
      <c r="B167" s="6" t="s">
        <v>918</v>
      </c>
      <c r="C167" s="2" t="s">
        <v>1869</v>
      </c>
      <c r="D167" s="2" t="s">
        <v>1870</v>
      </c>
      <c r="E167" s="2" t="s">
        <v>1871</v>
      </c>
      <c r="F167" s="2" t="s">
        <v>1872</v>
      </c>
      <c r="G167" s="2" t="s">
        <v>1484</v>
      </c>
      <c r="H167" s="2" t="s">
        <v>1873</v>
      </c>
      <c r="I167" s="2" t="s">
        <v>1871</v>
      </c>
      <c r="J167" s="2" t="s">
        <v>1874</v>
      </c>
      <c r="K167" s="2" t="s">
        <v>1813</v>
      </c>
      <c r="L167" s="2" t="s">
        <v>1875</v>
      </c>
    </row>
    <row r="168" spans="1:12" x14ac:dyDescent="0.25">
      <c r="A168" s="4" t="s">
        <v>736</v>
      </c>
      <c r="B168" s="6" t="s">
        <v>929</v>
      </c>
      <c r="C168" s="2" t="s">
        <v>1876</v>
      </c>
      <c r="D168" s="2" t="s">
        <v>1877</v>
      </c>
      <c r="E168" s="2" t="s">
        <v>1878</v>
      </c>
      <c r="F168" s="2" t="s">
        <v>1879</v>
      </c>
      <c r="G168" s="2" t="s">
        <v>1021</v>
      </c>
      <c r="H168" s="2" t="s">
        <v>1880</v>
      </c>
      <c r="I168" s="2" t="s">
        <v>1878</v>
      </c>
      <c r="J168" s="2" t="s">
        <v>1879</v>
      </c>
      <c r="K168" s="2" t="s">
        <v>948</v>
      </c>
      <c r="L168" s="2" t="s">
        <v>1880</v>
      </c>
    </row>
    <row r="169" spans="1:12" x14ac:dyDescent="0.25">
      <c r="A169" s="4" t="s">
        <v>737</v>
      </c>
      <c r="B169" s="6" t="s">
        <v>862</v>
      </c>
      <c r="C169" s="2" t="s">
        <v>64</v>
      </c>
      <c r="D169" s="2" t="s">
        <v>64</v>
      </c>
      <c r="E169" s="2" t="s">
        <v>64</v>
      </c>
      <c r="F169" s="2" t="s">
        <v>64</v>
      </c>
      <c r="G169" s="2" t="s">
        <v>64</v>
      </c>
      <c r="H169" s="2" t="s">
        <v>64</v>
      </c>
      <c r="I169" s="2" t="s">
        <v>64</v>
      </c>
      <c r="J169" s="2" t="s">
        <v>64</v>
      </c>
      <c r="K169" s="2" t="s">
        <v>64</v>
      </c>
      <c r="L169" s="2" t="s">
        <v>64</v>
      </c>
    </row>
    <row r="170" spans="1:12" x14ac:dyDescent="0.25">
      <c r="A170" s="4" t="s">
        <v>738</v>
      </c>
      <c r="B170" s="6" t="s">
        <v>883</v>
      </c>
      <c r="C170" s="2" t="s">
        <v>1881</v>
      </c>
      <c r="D170" s="2" t="s">
        <v>1882</v>
      </c>
      <c r="E170" s="2" t="s">
        <v>64</v>
      </c>
      <c r="F170" s="2" t="s">
        <v>64</v>
      </c>
      <c r="G170" s="2" t="s">
        <v>64</v>
      </c>
      <c r="H170" s="2" t="s">
        <v>1882</v>
      </c>
      <c r="I170" s="2" t="s">
        <v>64</v>
      </c>
      <c r="J170" s="2" t="s">
        <v>64</v>
      </c>
      <c r="K170" s="2" t="s">
        <v>64</v>
      </c>
      <c r="L170" s="2" t="s">
        <v>1882</v>
      </c>
    </row>
    <row r="171" spans="1:12" x14ac:dyDescent="0.25">
      <c r="A171" s="4" t="s">
        <v>739</v>
      </c>
      <c r="B171" s="6" t="s">
        <v>960</v>
      </c>
      <c r="C171" s="2" t="s">
        <v>1883</v>
      </c>
      <c r="D171" s="2" t="s">
        <v>1884</v>
      </c>
      <c r="E171" s="2" t="s">
        <v>1885</v>
      </c>
      <c r="F171" s="2" t="s">
        <v>1886</v>
      </c>
      <c r="G171" s="2" t="s">
        <v>1653</v>
      </c>
      <c r="H171" s="2" t="s">
        <v>1887</v>
      </c>
      <c r="I171" s="2" t="s">
        <v>1885</v>
      </c>
      <c r="J171" s="2" t="s">
        <v>1886</v>
      </c>
      <c r="K171" s="2" t="s">
        <v>1501</v>
      </c>
      <c r="L171" s="2" t="s">
        <v>1887</v>
      </c>
    </row>
    <row r="172" spans="1:12" x14ac:dyDescent="0.25">
      <c r="A172" s="5" t="s">
        <v>740</v>
      </c>
      <c r="B172" s="7" t="s">
        <v>981</v>
      </c>
      <c r="C172" s="3" t="s">
        <v>1888</v>
      </c>
      <c r="D172" s="3" t="s">
        <v>1889</v>
      </c>
      <c r="E172" s="3" t="s">
        <v>1890</v>
      </c>
      <c r="F172" s="3" t="s">
        <v>1891</v>
      </c>
      <c r="G172" s="3" t="s">
        <v>1892</v>
      </c>
      <c r="H172" s="3" t="s">
        <v>1893</v>
      </c>
      <c r="I172" s="3" t="s">
        <v>1894</v>
      </c>
      <c r="J172" s="3" t="s">
        <v>1895</v>
      </c>
      <c r="K172" s="3" t="s">
        <v>1896</v>
      </c>
      <c r="L172" s="3" t="s">
        <v>1897</v>
      </c>
    </row>
    <row r="173" spans="1:12" x14ac:dyDescent="0.25">
      <c r="A173" s="4" t="s">
        <v>741</v>
      </c>
      <c r="B173" s="6" t="s">
        <v>862</v>
      </c>
      <c r="C173" s="2" t="s">
        <v>1898</v>
      </c>
      <c r="D173" s="2" t="s">
        <v>1899</v>
      </c>
      <c r="E173" s="2" t="s">
        <v>1900</v>
      </c>
      <c r="F173" s="2" t="s">
        <v>1901</v>
      </c>
      <c r="G173" s="2" t="s">
        <v>1192</v>
      </c>
      <c r="H173" s="2" t="s">
        <v>1902</v>
      </c>
      <c r="I173" s="2" t="s">
        <v>1903</v>
      </c>
      <c r="J173" s="2" t="s">
        <v>1904</v>
      </c>
      <c r="K173" s="2" t="s">
        <v>1192</v>
      </c>
      <c r="L173" s="2" t="s">
        <v>1905</v>
      </c>
    </row>
    <row r="174" spans="1:12" x14ac:dyDescent="0.25">
      <c r="A174" s="4" t="s">
        <v>742</v>
      </c>
      <c r="B174" s="6" t="s">
        <v>1002</v>
      </c>
      <c r="C174" s="2" t="s">
        <v>1906</v>
      </c>
      <c r="D174" s="2" t="s">
        <v>1907</v>
      </c>
      <c r="E174" s="2" t="s">
        <v>1908</v>
      </c>
      <c r="F174" s="2" t="s">
        <v>1909</v>
      </c>
      <c r="G174" s="2" t="s">
        <v>1910</v>
      </c>
      <c r="H174" s="2" t="s">
        <v>1911</v>
      </c>
      <c r="I174" s="2" t="s">
        <v>1912</v>
      </c>
      <c r="J174" s="2" t="s">
        <v>1909</v>
      </c>
      <c r="K174" s="2" t="s">
        <v>1913</v>
      </c>
      <c r="L174" s="2" t="s">
        <v>1911</v>
      </c>
    </row>
    <row r="175" spans="1:12" x14ac:dyDescent="0.25">
      <c r="A175" s="4" t="s">
        <v>743</v>
      </c>
      <c r="B175" s="6" t="s">
        <v>1013</v>
      </c>
      <c r="C175" s="2" t="s">
        <v>1914</v>
      </c>
      <c r="D175" s="2" t="s">
        <v>1915</v>
      </c>
      <c r="E175" s="2" t="s">
        <v>1916</v>
      </c>
      <c r="F175" s="2" t="s">
        <v>1917</v>
      </c>
      <c r="G175" s="2" t="s">
        <v>887</v>
      </c>
      <c r="H175" s="2" t="s">
        <v>1918</v>
      </c>
      <c r="I175" s="2" t="s">
        <v>1916</v>
      </c>
      <c r="J175" s="2" t="s">
        <v>1917</v>
      </c>
      <c r="K175" s="2" t="s">
        <v>887</v>
      </c>
      <c r="L175" s="2" t="s">
        <v>1918</v>
      </c>
    </row>
    <row r="176" spans="1:12" x14ac:dyDescent="0.25">
      <c r="A176" s="5" t="s">
        <v>744</v>
      </c>
      <c r="B176" s="7" t="s">
        <v>1030</v>
      </c>
      <c r="C176" s="3" t="s">
        <v>1919</v>
      </c>
      <c r="D176" s="3" t="s">
        <v>1920</v>
      </c>
      <c r="E176" s="3" t="s">
        <v>1921</v>
      </c>
      <c r="F176" s="3" t="s">
        <v>1922</v>
      </c>
      <c r="G176" s="3" t="s">
        <v>1923</v>
      </c>
      <c r="H176" s="3" t="s">
        <v>1924</v>
      </c>
      <c r="I176" s="3" t="s">
        <v>1925</v>
      </c>
      <c r="J176" s="3" t="s">
        <v>1926</v>
      </c>
      <c r="K176" s="3" t="s">
        <v>1927</v>
      </c>
      <c r="L176" s="3" t="s">
        <v>1928</v>
      </c>
    </row>
    <row r="177" spans="1:12" x14ac:dyDescent="0.25">
      <c r="A177" s="4" t="s">
        <v>746</v>
      </c>
      <c r="B177" s="6" t="s">
        <v>1041</v>
      </c>
      <c r="C177" s="2" t="s">
        <v>1919</v>
      </c>
      <c r="D177" s="2" t="s">
        <v>1920</v>
      </c>
      <c r="E177" s="2" t="s">
        <v>1921</v>
      </c>
      <c r="F177" s="2" t="s">
        <v>1922</v>
      </c>
      <c r="G177" s="2" t="s">
        <v>1923</v>
      </c>
      <c r="H177" s="2" t="s">
        <v>1924</v>
      </c>
      <c r="I177" s="2" t="s">
        <v>1925</v>
      </c>
      <c r="J177" s="2" t="s">
        <v>1926</v>
      </c>
      <c r="K177" s="2" t="s">
        <v>1927</v>
      </c>
      <c r="L177" s="2" t="s">
        <v>1928</v>
      </c>
    </row>
    <row r="178" spans="1:12" x14ac:dyDescent="0.25">
      <c r="A178" s="5" t="s">
        <v>748</v>
      </c>
      <c r="B178" s="7" t="s">
        <v>1062</v>
      </c>
      <c r="C178" s="3" t="s">
        <v>1929</v>
      </c>
      <c r="D178" s="3" t="s">
        <v>1930</v>
      </c>
      <c r="E178" s="3" t="s">
        <v>1931</v>
      </c>
      <c r="F178" s="3" t="s">
        <v>1932</v>
      </c>
      <c r="G178" s="3" t="s">
        <v>1241</v>
      </c>
      <c r="H178" s="3" t="s">
        <v>1933</v>
      </c>
      <c r="I178" s="3" t="s">
        <v>1934</v>
      </c>
      <c r="J178" s="3" t="s">
        <v>1935</v>
      </c>
      <c r="K178" s="3" t="s">
        <v>1241</v>
      </c>
      <c r="L178" s="3" t="s">
        <v>1936</v>
      </c>
    </row>
    <row r="179" spans="1:12" x14ac:dyDescent="0.25">
      <c r="A179" s="4" t="s">
        <v>750</v>
      </c>
      <c r="B179" s="6" t="s">
        <v>1075</v>
      </c>
      <c r="C179" s="2" t="s">
        <v>1929</v>
      </c>
      <c r="D179" s="2" t="s">
        <v>1930</v>
      </c>
      <c r="E179" s="2" t="s">
        <v>1931</v>
      </c>
      <c r="F179" s="2" t="s">
        <v>1932</v>
      </c>
      <c r="G179" s="2" t="s">
        <v>1241</v>
      </c>
      <c r="H179" s="2" t="s">
        <v>1933</v>
      </c>
      <c r="I179" s="2" t="s">
        <v>1934</v>
      </c>
      <c r="J179" s="2" t="s">
        <v>1935</v>
      </c>
      <c r="K179" s="2" t="s">
        <v>1241</v>
      </c>
      <c r="L179" s="2" t="s">
        <v>1936</v>
      </c>
    </row>
    <row r="180" spans="1:12" x14ac:dyDescent="0.25">
      <c r="A180" s="5" t="s">
        <v>752</v>
      </c>
      <c r="B180" s="7" t="s">
        <v>1111</v>
      </c>
      <c r="C180" s="3" t="s">
        <v>1937</v>
      </c>
      <c r="D180" s="3" t="s">
        <v>1938</v>
      </c>
      <c r="E180" s="3" t="s">
        <v>64</v>
      </c>
      <c r="F180" s="3" t="s">
        <v>1939</v>
      </c>
      <c r="G180" s="3" t="s">
        <v>64</v>
      </c>
      <c r="H180" s="3" t="s">
        <v>1940</v>
      </c>
      <c r="I180" s="3" t="s">
        <v>1941</v>
      </c>
      <c r="J180" s="3" t="s">
        <v>1942</v>
      </c>
      <c r="K180" s="3" t="s">
        <v>64</v>
      </c>
      <c r="L180" s="3" t="s">
        <v>1943</v>
      </c>
    </row>
    <row r="181" spans="1:12" x14ac:dyDescent="0.25">
      <c r="A181" s="4" t="s">
        <v>755</v>
      </c>
      <c r="B181" s="6" t="s">
        <v>1122</v>
      </c>
      <c r="C181" s="2" t="s">
        <v>1937</v>
      </c>
      <c r="D181" s="2" t="s">
        <v>1938</v>
      </c>
      <c r="E181" s="2" t="s">
        <v>64</v>
      </c>
      <c r="F181" s="2" t="s">
        <v>1939</v>
      </c>
      <c r="G181" s="2" t="s">
        <v>64</v>
      </c>
      <c r="H181" s="2" t="s">
        <v>1940</v>
      </c>
      <c r="I181" s="2" t="s">
        <v>1941</v>
      </c>
      <c r="J181" s="2" t="s">
        <v>1942</v>
      </c>
      <c r="K181" s="2" t="s">
        <v>64</v>
      </c>
      <c r="L181" s="2" t="s">
        <v>1943</v>
      </c>
    </row>
    <row r="182" spans="1:12" x14ac:dyDescent="0.25">
      <c r="A182" s="5" t="s">
        <v>757</v>
      </c>
      <c r="B182" s="7" t="s">
        <v>1123</v>
      </c>
      <c r="C182" s="3" t="s">
        <v>1944</v>
      </c>
      <c r="D182" s="3" t="s">
        <v>1945</v>
      </c>
      <c r="E182" s="3" t="s">
        <v>1946</v>
      </c>
      <c r="F182" s="3" t="s">
        <v>1947</v>
      </c>
      <c r="G182" s="3" t="s">
        <v>1948</v>
      </c>
      <c r="H182" s="3" t="s">
        <v>1949</v>
      </c>
      <c r="I182" s="3" t="s">
        <v>1950</v>
      </c>
      <c r="J182" s="3" t="s">
        <v>1951</v>
      </c>
      <c r="K182" s="3" t="s">
        <v>1470</v>
      </c>
      <c r="L182" s="3" t="s">
        <v>1952</v>
      </c>
    </row>
    <row r="183" spans="1:12" x14ac:dyDescent="0.25">
      <c r="A183" s="4" t="s">
        <v>759</v>
      </c>
      <c r="B183" s="6" t="s">
        <v>862</v>
      </c>
      <c r="C183" s="2" t="s">
        <v>1953</v>
      </c>
      <c r="D183" s="2" t="s">
        <v>1945</v>
      </c>
      <c r="E183" s="2" t="s">
        <v>1946</v>
      </c>
      <c r="F183" s="2" t="s">
        <v>1947</v>
      </c>
      <c r="G183" s="2" t="s">
        <v>1948</v>
      </c>
      <c r="H183" s="2" t="s">
        <v>1949</v>
      </c>
      <c r="I183" s="2" t="s">
        <v>1950</v>
      </c>
      <c r="J183" s="2" t="s">
        <v>1951</v>
      </c>
      <c r="K183" s="2" t="s">
        <v>1470</v>
      </c>
      <c r="L183" s="2" t="s">
        <v>1952</v>
      </c>
    </row>
    <row r="184" spans="1:12" x14ac:dyDescent="0.25">
      <c r="A184" s="4" t="s">
        <v>770</v>
      </c>
      <c r="B184" s="6" t="s">
        <v>1153</v>
      </c>
      <c r="C184" s="2" t="s">
        <v>1954</v>
      </c>
      <c r="D184" s="2" t="s">
        <v>64</v>
      </c>
      <c r="E184" s="2" t="s">
        <v>64</v>
      </c>
      <c r="F184" s="2" t="s">
        <v>64</v>
      </c>
      <c r="G184" s="2" t="s">
        <v>64</v>
      </c>
      <c r="H184" s="2" t="s">
        <v>64</v>
      </c>
      <c r="I184" s="2" t="s">
        <v>64</v>
      </c>
      <c r="J184" s="2" t="s">
        <v>64</v>
      </c>
      <c r="K184" s="2" t="s">
        <v>64</v>
      </c>
      <c r="L184" s="2" t="s">
        <v>64</v>
      </c>
    </row>
    <row r="185" spans="1:12" x14ac:dyDescent="0.25">
      <c r="A185" s="4" t="s">
        <v>772</v>
      </c>
      <c r="B185" s="6" t="s">
        <v>1164</v>
      </c>
      <c r="C185" s="2" t="s">
        <v>64</v>
      </c>
      <c r="D185" s="2" t="s">
        <v>64</v>
      </c>
      <c r="E185" s="2" t="s">
        <v>64</v>
      </c>
      <c r="F185" s="2" t="s">
        <v>64</v>
      </c>
      <c r="G185" s="2" t="s">
        <v>64</v>
      </c>
      <c r="H185" s="2" t="s">
        <v>64</v>
      </c>
      <c r="I185" s="2" t="s">
        <v>64</v>
      </c>
      <c r="J185" s="2" t="s">
        <v>64</v>
      </c>
      <c r="K185" s="2" t="s">
        <v>64</v>
      </c>
      <c r="L185" s="2" t="s">
        <v>64</v>
      </c>
    </row>
    <row r="186" spans="1:12" x14ac:dyDescent="0.25">
      <c r="A186" s="4" t="s">
        <v>783</v>
      </c>
      <c r="B186" s="6" t="s">
        <v>1187</v>
      </c>
      <c r="C186" s="2" t="s">
        <v>64</v>
      </c>
      <c r="D186" s="2" t="s">
        <v>64</v>
      </c>
      <c r="E186" s="2" t="s">
        <v>64</v>
      </c>
      <c r="F186" s="2" t="s">
        <v>64</v>
      </c>
      <c r="G186" s="2" t="s">
        <v>64</v>
      </c>
      <c r="H186" s="2" t="s">
        <v>64</v>
      </c>
      <c r="I186" s="2" t="s">
        <v>64</v>
      </c>
      <c r="J186" s="2" t="s">
        <v>64</v>
      </c>
      <c r="K186" s="2" t="s">
        <v>64</v>
      </c>
      <c r="L186" s="2" t="s">
        <v>64</v>
      </c>
    </row>
    <row r="187" spans="1:12" x14ac:dyDescent="0.25">
      <c r="A187" s="5" t="s">
        <v>785</v>
      </c>
      <c r="B187" s="7" t="s">
        <v>1232</v>
      </c>
      <c r="C187" s="3" t="s">
        <v>1955</v>
      </c>
      <c r="D187" s="3" t="s">
        <v>1956</v>
      </c>
      <c r="E187" s="3" t="s">
        <v>1957</v>
      </c>
      <c r="F187" s="3" t="s">
        <v>1958</v>
      </c>
      <c r="G187" s="3" t="s">
        <v>891</v>
      </c>
      <c r="H187" s="3" t="s">
        <v>1959</v>
      </c>
      <c r="I187" s="3" t="s">
        <v>1960</v>
      </c>
      <c r="J187" s="3" t="s">
        <v>1961</v>
      </c>
      <c r="K187" s="3" t="s">
        <v>891</v>
      </c>
      <c r="L187" s="3" t="s">
        <v>1962</v>
      </c>
    </row>
    <row r="188" spans="1:12" x14ac:dyDescent="0.25">
      <c r="A188" s="4" t="s">
        <v>787</v>
      </c>
      <c r="B188" s="6" t="s">
        <v>862</v>
      </c>
      <c r="C188" s="2" t="s">
        <v>1955</v>
      </c>
      <c r="D188" s="2" t="s">
        <v>1956</v>
      </c>
      <c r="E188" s="2" t="s">
        <v>1957</v>
      </c>
      <c r="F188" s="2" t="s">
        <v>1958</v>
      </c>
      <c r="G188" s="2" t="s">
        <v>891</v>
      </c>
      <c r="H188" s="2" t="s">
        <v>1959</v>
      </c>
      <c r="I188" s="2" t="s">
        <v>1960</v>
      </c>
      <c r="J188" s="2" t="s">
        <v>1961</v>
      </c>
      <c r="K188" s="2" t="s">
        <v>891</v>
      </c>
      <c r="L188" s="2" t="s">
        <v>1962</v>
      </c>
    </row>
    <row r="189" spans="1:12" x14ac:dyDescent="0.25">
      <c r="A189" s="4" t="s">
        <v>789</v>
      </c>
      <c r="B189" s="6" t="s">
        <v>1963</v>
      </c>
      <c r="C189" s="2" t="s">
        <v>64</v>
      </c>
      <c r="D189" s="2" t="s">
        <v>64</v>
      </c>
      <c r="E189" s="2" t="s">
        <v>64</v>
      </c>
      <c r="F189" s="2" t="s">
        <v>64</v>
      </c>
      <c r="G189" s="2" t="s">
        <v>64</v>
      </c>
      <c r="H189" s="2" t="s">
        <v>64</v>
      </c>
      <c r="I189" s="2" t="s">
        <v>64</v>
      </c>
      <c r="J189" s="2" t="s">
        <v>64</v>
      </c>
      <c r="K189" s="2" t="s">
        <v>64</v>
      </c>
      <c r="L189" s="2" t="s">
        <v>64</v>
      </c>
    </row>
    <row r="190" spans="1:12" x14ac:dyDescent="0.25">
      <c r="A190" s="5" t="s">
        <v>791</v>
      </c>
      <c r="B190" s="7" t="s">
        <v>1268</v>
      </c>
      <c r="C190" s="3" t="s">
        <v>1964</v>
      </c>
      <c r="D190" s="3" t="s">
        <v>1965</v>
      </c>
      <c r="E190" s="3" t="s">
        <v>1966</v>
      </c>
      <c r="F190" s="3" t="s">
        <v>1967</v>
      </c>
      <c r="G190" s="3" t="s">
        <v>1968</v>
      </c>
      <c r="H190" s="3" t="s">
        <v>1969</v>
      </c>
      <c r="I190" s="3" t="s">
        <v>1970</v>
      </c>
      <c r="J190" s="3" t="s">
        <v>1971</v>
      </c>
      <c r="K190" s="3" t="s">
        <v>1972</v>
      </c>
      <c r="L190" s="3" t="s">
        <v>1973</v>
      </c>
    </row>
    <row r="191" spans="1:12" x14ac:dyDescent="0.25">
      <c r="A191" s="4" t="s">
        <v>1974</v>
      </c>
      <c r="B191" s="6" t="s">
        <v>862</v>
      </c>
      <c r="C191" s="2" t="s">
        <v>1964</v>
      </c>
      <c r="D191" s="2" t="s">
        <v>1965</v>
      </c>
      <c r="E191" s="2" t="s">
        <v>1966</v>
      </c>
      <c r="F191" s="2" t="s">
        <v>1967</v>
      </c>
      <c r="G191" s="2" t="s">
        <v>1968</v>
      </c>
      <c r="H191" s="2" t="s">
        <v>1969</v>
      </c>
      <c r="I191" s="2" t="s">
        <v>1970</v>
      </c>
      <c r="J191" s="2" t="s">
        <v>1971</v>
      </c>
      <c r="K191" s="2" t="s">
        <v>1972</v>
      </c>
      <c r="L191" s="2" t="s">
        <v>1973</v>
      </c>
    </row>
    <row r="192" spans="1:12" x14ac:dyDescent="0.25">
      <c r="A192" s="5" t="s">
        <v>1975</v>
      </c>
      <c r="B192" s="7" t="s">
        <v>1368</v>
      </c>
      <c r="C192" s="3" t="s">
        <v>1976</v>
      </c>
      <c r="D192" s="3" t="s">
        <v>1977</v>
      </c>
      <c r="E192" s="3" t="s">
        <v>1978</v>
      </c>
      <c r="F192" s="3" t="s">
        <v>1979</v>
      </c>
      <c r="G192" s="3" t="s">
        <v>891</v>
      </c>
      <c r="H192" s="3" t="s">
        <v>1980</v>
      </c>
      <c r="I192" s="3" t="s">
        <v>1978</v>
      </c>
      <c r="J192" s="3" t="s">
        <v>1979</v>
      </c>
      <c r="K192" s="3" t="s">
        <v>891</v>
      </c>
      <c r="L192" s="3" t="s">
        <v>1980</v>
      </c>
    </row>
    <row r="193" spans="1:12" x14ac:dyDescent="0.25">
      <c r="A193" s="4" t="s">
        <v>1981</v>
      </c>
      <c r="B193" s="6" t="s">
        <v>1378</v>
      </c>
      <c r="C193" s="2" t="s">
        <v>1976</v>
      </c>
      <c r="D193" s="2" t="s">
        <v>1977</v>
      </c>
      <c r="E193" s="2" t="s">
        <v>1978</v>
      </c>
      <c r="F193" s="2" t="s">
        <v>1979</v>
      </c>
      <c r="G193" s="2" t="s">
        <v>891</v>
      </c>
      <c r="H193" s="2" t="s">
        <v>1980</v>
      </c>
      <c r="I193" s="2" t="s">
        <v>1978</v>
      </c>
      <c r="J193" s="2" t="s">
        <v>1979</v>
      </c>
      <c r="K193" s="2" t="s">
        <v>891</v>
      </c>
      <c r="L193" s="2" t="s">
        <v>1980</v>
      </c>
    </row>
    <row r="194" spans="1:12" x14ac:dyDescent="0.25">
      <c r="A194" s="5" t="s">
        <v>1982</v>
      </c>
      <c r="B194" s="7" t="s">
        <v>1394</v>
      </c>
      <c r="C194" s="3" t="s">
        <v>1983</v>
      </c>
      <c r="D194" s="3" t="s">
        <v>1984</v>
      </c>
      <c r="E194" s="3" t="s">
        <v>1985</v>
      </c>
      <c r="F194" s="3" t="s">
        <v>1986</v>
      </c>
      <c r="G194" s="3" t="s">
        <v>1987</v>
      </c>
      <c r="H194" s="3" t="s">
        <v>1988</v>
      </c>
      <c r="I194" s="3" t="s">
        <v>1989</v>
      </c>
      <c r="J194" s="3" t="s">
        <v>1990</v>
      </c>
      <c r="K194" s="3" t="s">
        <v>1807</v>
      </c>
      <c r="L194" s="3" t="s">
        <v>1991</v>
      </c>
    </row>
    <row r="195" spans="1:12" x14ac:dyDescent="0.25">
      <c r="A195" s="4" t="s">
        <v>1992</v>
      </c>
      <c r="B195" s="6" t="s">
        <v>1405</v>
      </c>
      <c r="C195" s="2" t="s">
        <v>1993</v>
      </c>
      <c r="D195" s="2" t="s">
        <v>1994</v>
      </c>
      <c r="E195" s="2" t="s">
        <v>1995</v>
      </c>
      <c r="F195" s="2" t="s">
        <v>1996</v>
      </c>
      <c r="G195" s="2" t="s">
        <v>64</v>
      </c>
      <c r="H195" s="2" t="s">
        <v>1997</v>
      </c>
      <c r="I195" s="2" t="s">
        <v>1995</v>
      </c>
      <c r="J195" s="2" t="s">
        <v>1996</v>
      </c>
      <c r="K195" s="2" t="s">
        <v>64</v>
      </c>
      <c r="L195" s="2" t="s">
        <v>1997</v>
      </c>
    </row>
    <row r="196" spans="1:12" x14ac:dyDescent="0.25">
      <c r="A196" s="4" t="s">
        <v>1998</v>
      </c>
      <c r="B196" s="6" t="s">
        <v>1414</v>
      </c>
      <c r="C196" s="2" t="s">
        <v>1999</v>
      </c>
      <c r="D196" s="2" t="s">
        <v>2000</v>
      </c>
      <c r="E196" s="2" t="s">
        <v>2001</v>
      </c>
      <c r="F196" s="2" t="s">
        <v>2002</v>
      </c>
      <c r="G196" s="2" t="s">
        <v>1987</v>
      </c>
      <c r="H196" s="2" t="s">
        <v>2003</v>
      </c>
      <c r="I196" s="2" t="s">
        <v>2004</v>
      </c>
      <c r="J196" s="2" t="s">
        <v>2005</v>
      </c>
      <c r="K196" s="2" t="s">
        <v>1807</v>
      </c>
      <c r="L196" s="2" t="s">
        <v>2006</v>
      </c>
    </row>
    <row r="197" spans="1:12" x14ac:dyDescent="0.25">
      <c r="A197" s="5" t="s">
        <v>2007</v>
      </c>
      <c r="B197" s="7" t="s">
        <v>1445</v>
      </c>
      <c r="C197" s="3" t="s">
        <v>2008</v>
      </c>
      <c r="D197" s="3" t="s">
        <v>2009</v>
      </c>
      <c r="E197" s="3" t="s">
        <v>2010</v>
      </c>
      <c r="F197" s="3" t="s">
        <v>2011</v>
      </c>
      <c r="G197" s="3" t="s">
        <v>891</v>
      </c>
      <c r="H197" s="3" t="s">
        <v>2012</v>
      </c>
      <c r="I197" s="3" t="s">
        <v>2010</v>
      </c>
      <c r="J197" s="3" t="s">
        <v>2011</v>
      </c>
      <c r="K197" s="3" t="s">
        <v>891</v>
      </c>
      <c r="L197" s="3" t="s">
        <v>2012</v>
      </c>
    </row>
    <row r="198" spans="1:12" x14ac:dyDescent="0.25">
      <c r="A198" s="4" t="s">
        <v>2013</v>
      </c>
      <c r="B198" s="6" t="s">
        <v>862</v>
      </c>
      <c r="C198" s="2" t="s">
        <v>2008</v>
      </c>
      <c r="D198" s="2" t="s">
        <v>2009</v>
      </c>
      <c r="E198" s="2" t="s">
        <v>2010</v>
      </c>
      <c r="F198" s="2" t="s">
        <v>2011</v>
      </c>
      <c r="G198" s="2" t="s">
        <v>891</v>
      </c>
      <c r="H198" s="2" t="s">
        <v>2012</v>
      </c>
      <c r="I198" s="2" t="s">
        <v>2010</v>
      </c>
      <c r="J198" s="2" t="s">
        <v>2011</v>
      </c>
      <c r="K198" s="2" t="s">
        <v>891</v>
      </c>
      <c r="L198" s="2" t="s">
        <v>2012</v>
      </c>
    </row>
    <row r="199" spans="1:12" x14ac:dyDescent="0.25">
      <c r="A199" s="4" t="s">
        <v>2014</v>
      </c>
      <c r="B199" s="6" t="s">
        <v>1465</v>
      </c>
      <c r="C199" s="2" t="s">
        <v>64</v>
      </c>
      <c r="D199" s="2" t="s">
        <v>64</v>
      </c>
      <c r="E199" s="2" t="s">
        <v>64</v>
      </c>
      <c r="F199" s="2" t="s">
        <v>64</v>
      </c>
      <c r="G199" s="2" t="s">
        <v>64</v>
      </c>
      <c r="H199" s="2" t="s">
        <v>64</v>
      </c>
      <c r="I199" s="2" t="s">
        <v>64</v>
      </c>
      <c r="J199" s="2" t="s">
        <v>64</v>
      </c>
      <c r="K199" s="2" t="s">
        <v>64</v>
      </c>
      <c r="L199" s="2" t="s">
        <v>64</v>
      </c>
    </row>
    <row r="200" spans="1:12" x14ac:dyDescent="0.25">
      <c r="A200" s="5" t="s">
        <v>2015</v>
      </c>
      <c r="B200" s="7" t="s">
        <v>1487</v>
      </c>
      <c r="C200" s="3" t="s">
        <v>2016</v>
      </c>
      <c r="D200" s="3" t="s">
        <v>2017</v>
      </c>
      <c r="E200" s="3" t="s">
        <v>2018</v>
      </c>
      <c r="F200" s="3" t="s">
        <v>2019</v>
      </c>
      <c r="G200" s="3" t="s">
        <v>1237</v>
      </c>
      <c r="H200" s="3" t="s">
        <v>2020</v>
      </c>
      <c r="I200" s="3" t="s">
        <v>2021</v>
      </c>
      <c r="J200" s="3" t="s">
        <v>2022</v>
      </c>
      <c r="K200" s="3" t="s">
        <v>1237</v>
      </c>
      <c r="L200" s="3" t="s">
        <v>2023</v>
      </c>
    </row>
    <row r="201" spans="1:12" x14ac:dyDescent="0.25">
      <c r="A201" s="4" t="s">
        <v>2024</v>
      </c>
      <c r="B201" s="6" t="s">
        <v>862</v>
      </c>
      <c r="C201" s="2" t="s">
        <v>2016</v>
      </c>
      <c r="D201" s="2" t="s">
        <v>2017</v>
      </c>
      <c r="E201" s="2" t="s">
        <v>2018</v>
      </c>
      <c r="F201" s="2" t="s">
        <v>2019</v>
      </c>
      <c r="G201" s="2" t="s">
        <v>1237</v>
      </c>
      <c r="H201" s="2" t="s">
        <v>2020</v>
      </c>
      <c r="I201" s="2" t="s">
        <v>2021</v>
      </c>
      <c r="J201" s="2" t="s">
        <v>2022</v>
      </c>
      <c r="K201" s="2" t="s">
        <v>1237</v>
      </c>
      <c r="L201" s="2" t="s">
        <v>2023</v>
      </c>
    </row>
    <row r="202" spans="1:12" x14ac:dyDescent="0.25">
      <c r="A202" s="5" t="s">
        <v>2025</v>
      </c>
      <c r="B202" s="7" t="s">
        <v>1562</v>
      </c>
      <c r="C202" s="3" t="s">
        <v>2026</v>
      </c>
      <c r="D202" s="3" t="s">
        <v>2027</v>
      </c>
      <c r="E202" s="3" t="s">
        <v>2028</v>
      </c>
      <c r="F202" s="3" t="s">
        <v>2029</v>
      </c>
      <c r="G202" s="3" t="s">
        <v>2030</v>
      </c>
      <c r="H202" s="3" t="s">
        <v>2031</v>
      </c>
      <c r="I202" s="3" t="s">
        <v>2032</v>
      </c>
      <c r="J202" s="3" t="s">
        <v>2033</v>
      </c>
      <c r="K202" s="3" t="s">
        <v>1495</v>
      </c>
      <c r="L202" s="3" t="s">
        <v>2034</v>
      </c>
    </row>
    <row r="203" spans="1:12" x14ac:dyDescent="0.25">
      <c r="A203" s="4" t="s">
        <v>2035</v>
      </c>
      <c r="B203" s="6" t="s">
        <v>862</v>
      </c>
      <c r="C203" s="2" t="s">
        <v>2026</v>
      </c>
      <c r="D203" s="2" t="s">
        <v>2027</v>
      </c>
      <c r="E203" s="2" t="s">
        <v>2028</v>
      </c>
      <c r="F203" s="2" t="s">
        <v>2029</v>
      </c>
      <c r="G203" s="2" t="s">
        <v>2030</v>
      </c>
      <c r="H203" s="2" t="s">
        <v>2031</v>
      </c>
      <c r="I203" s="2" t="s">
        <v>2032</v>
      </c>
      <c r="J203" s="2" t="s">
        <v>2033</v>
      </c>
      <c r="K203" s="2" t="s">
        <v>1495</v>
      </c>
      <c r="L203" s="2" t="s">
        <v>2034</v>
      </c>
    </row>
    <row r="204" spans="1:12" x14ac:dyDescent="0.25">
      <c r="A204" s="5" t="s">
        <v>2036</v>
      </c>
      <c r="B204" s="7" t="s">
        <v>1645</v>
      </c>
      <c r="C204" s="3" t="s">
        <v>2037</v>
      </c>
      <c r="D204" s="3" t="s">
        <v>2038</v>
      </c>
      <c r="E204" s="3" t="s">
        <v>2039</v>
      </c>
      <c r="F204" s="3" t="s">
        <v>2040</v>
      </c>
      <c r="G204" s="3" t="s">
        <v>887</v>
      </c>
      <c r="H204" s="3" t="s">
        <v>2041</v>
      </c>
      <c r="I204" s="3" t="s">
        <v>2042</v>
      </c>
      <c r="J204" s="3" t="s">
        <v>2043</v>
      </c>
      <c r="K204" s="3" t="s">
        <v>887</v>
      </c>
      <c r="L204" s="3" t="s">
        <v>2044</v>
      </c>
    </row>
    <row r="205" spans="1:12" x14ac:dyDescent="0.25">
      <c r="A205" s="4" t="s">
        <v>2045</v>
      </c>
      <c r="B205" s="6" t="s">
        <v>1657</v>
      </c>
      <c r="C205" s="2" t="s">
        <v>2046</v>
      </c>
      <c r="D205" s="2" t="s">
        <v>2047</v>
      </c>
      <c r="E205" s="2" t="s">
        <v>2048</v>
      </c>
      <c r="F205" s="2" t="s">
        <v>2049</v>
      </c>
      <c r="G205" s="2" t="s">
        <v>891</v>
      </c>
      <c r="H205" s="2" t="s">
        <v>2050</v>
      </c>
      <c r="I205" s="2" t="s">
        <v>2048</v>
      </c>
      <c r="J205" s="2" t="s">
        <v>2049</v>
      </c>
      <c r="K205" s="2" t="s">
        <v>891</v>
      </c>
      <c r="L205" s="2" t="s">
        <v>2050</v>
      </c>
    </row>
    <row r="206" spans="1:12" x14ac:dyDescent="0.25">
      <c r="A206" s="4" t="s">
        <v>2051</v>
      </c>
      <c r="B206" s="6" t="s">
        <v>1666</v>
      </c>
      <c r="C206" s="2" t="s">
        <v>2052</v>
      </c>
      <c r="D206" s="2" t="s">
        <v>2053</v>
      </c>
      <c r="E206" s="2" t="s">
        <v>2054</v>
      </c>
      <c r="F206" s="2" t="s">
        <v>2055</v>
      </c>
      <c r="G206" s="2" t="s">
        <v>891</v>
      </c>
      <c r="H206" s="2" t="s">
        <v>2056</v>
      </c>
      <c r="I206" s="2" t="s">
        <v>2057</v>
      </c>
      <c r="J206" s="2" t="s">
        <v>2058</v>
      </c>
      <c r="K206" s="2" t="s">
        <v>891</v>
      </c>
      <c r="L206" s="2" t="s">
        <v>2059</v>
      </c>
    </row>
    <row r="207" spans="1:12" x14ac:dyDescent="0.25">
      <c r="A207" s="5" t="s">
        <v>2060</v>
      </c>
      <c r="B207" s="7" t="s">
        <v>1700</v>
      </c>
      <c r="C207" s="3" t="s">
        <v>2061</v>
      </c>
      <c r="D207" s="3" t="s">
        <v>2062</v>
      </c>
      <c r="E207" s="3" t="s">
        <v>2063</v>
      </c>
      <c r="F207" s="3" t="s">
        <v>2064</v>
      </c>
      <c r="G207" s="3" t="s">
        <v>2065</v>
      </c>
      <c r="H207" s="3" t="s">
        <v>2066</v>
      </c>
      <c r="I207" s="3" t="s">
        <v>2067</v>
      </c>
      <c r="J207" s="3" t="s">
        <v>2068</v>
      </c>
      <c r="K207" s="3" t="s">
        <v>877</v>
      </c>
      <c r="L207" s="3" t="s">
        <v>2069</v>
      </c>
    </row>
    <row r="208" spans="1:12" x14ac:dyDescent="0.25">
      <c r="A208" s="4" t="s">
        <v>2070</v>
      </c>
      <c r="B208" s="6" t="s">
        <v>862</v>
      </c>
      <c r="C208" s="2" t="s">
        <v>2061</v>
      </c>
      <c r="D208" s="2" t="s">
        <v>2062</v>
      </c>
      <c r="E208" s="2" t="s">
        <v>2063</v>
      </c>
      <c r="F208" s="2" t="s">
        <v>2064</v>
      </c>
      <c r="G208" s="2" t="s">
        <v>2065</v>
      </c>
      <c r="H208" s="2" t="s">
        <v>2066</v>
      </c>
      <c r="I208" s="2" t="s">
        <v>2067</v>
      </c>
      <c r="J208" s="2" t="s">
        <v>2068</v>
      </c>
      <c r="K208" s="2" t="s">
        <v>877</v>
      </c>
      <c r="L208" s="2" t="s">
        <v>2069</v>
      </c>
    </row>
    <row r="209" spans="1:12" x14ac:dyDescent="0.25">
      <c r="A209" s="5" t="s">
        <v>2071</v>
      </c>
      <c r="B209" s="7" t="s">
        <v>1746</v>
      </c>
      <c r="C209" s="3" t="s">
        <v>2072</v>
      </c>
      <c r="D209" s="3" t="s">
        <v>2073</v>
      </c>
      <c r="E209" s="3" t="s">
        <v>2074</v>
      </c>
      <c r="F209" s="3" t="s">
        <v>2075</v>
      </c>
      <c r="G209" s="3" t="s">
        <v>64</v>
      </c>
      <c r="H209" s="3" t="s">
        <v>2076</v>
      </c>
      <c r="I209" s="3" t="s">
        <v>2077</v>
      </c>
      <c r="J209" s="3" t="s">
        <v>2078</v>
      </c>
      <c r="K209" s="3" t="s">
        <v>64</v>
      </c>
      <c r="L209" s="3" t="s">
        <v>2079</v>
      </c>
    </row>
    <row r="210" spans="1:12" x14ac:dyDescent="0.25">
      <c r="A210" s="4" t="s">
        <v>2080</v>
      </c>
      <c r="B210" s="6" t="s">
        <v>1756</v>
      </c>
      <c r="C210" s="2" t="s">
        <v>64</v>
      </c>
      <c r="D210" s="2" t="s">
        <v>2081</v>
      </c>
      <c r="E210" s="2" t="s">
        <v>64</v>
      </c>
      <c r="F210" s="2" t="s">
        <v>2082</v>
      </c>
      <c r="G210" s="2" t="s">
        <v>64</v>
      </c>
      <c r="H210" s="2" t="s">
        <v>2083</v>
      </c>
      <c r="I210" s="2" t="s">
        <v>64</v>
      </c>
      <c r="J210" s="2" t="s">
        <v>64</v>
      </c>
      <c r="K210" s="2" t="s">
        <v>64</v>
      </c>
      <c r="L210" s="2" t="s">
        <v>2081</v>
      </c>
    </row>
    <row r="211" spans="1:12" x14ac:dyDescent="0.25">
      <c r="A211" s="4" t="s">
        <v>2084</v>
      </c>
      <c r="B211" s="6" t="s">
        <v>1765</v>
      </c>
      <c r="C211" s="2" t="s">
        <v>2072</v>
      </c>
      <c r="D211" s="2" t="s">
        <v>2085</v>
      </c>
      <c r="E211" s="2" t="s">
        <v>2074</v>
      </c>
      <c r="F211" s="2" t="s">
        <v>2086</v>
      </c>
      <c r="G211" s="2" t="s">
        <v>64</v>
      </c>
      <c r="H211" s="2" t="s">
        <v>2087</v>
      </c>
      <c r="I211" s="2" t="s">
        <v>2077</v>
      </c>
      <c r="J211" s="2" t="s">
        <v>2078</v>
      </c>
      <c r="K211" s="2" t="s">
        <v>64</v>
      </c>
      <c r="L211" s="2" t="s">
        <v>2088</v>
      </c>
    </row>
    <row r="212" spans="1:12" x14ac:dyDescent="0.25">
      <c r="A212" s="5" t="s">
        <v>2089</v>
      </c>
      <c r="B212" s="7" t="s">
        <v>1774</v>
      </c>
      <c r="C212" s="3" t="s">
        <v>2090</v>
      </c>
      <c r="D212" s="3" t="s">
        <v>2091</v>
      </c>
      <c r="E212" s="3" t="s">
        <v>2092</v>
      </c>
      <c r="F212" s="3" t="s">
        <v>2093</v>
      </c>
      <c r="G212" s="3" t="s">
        <v>1495</v>
      </c>
      <c r="H212" s="3" t="s">
        <v>2094</v>
      </c>
      <c r="I212" s="3" t="s">
        <v>2095</v>
      </c>
      <c r="J212" s="3" t="s">
        <v>2096</v>
      </c>
      <c r="K212" s="3" t="s">
        <v>1987</v>
      </c>
      <c r="L212" s="3" t="s">
        <v>2097</v>
      </c>
    </row>
    <row r="213" spans="1:12" x14ac:dyDescent="0.25">
      <c r="A213" s="4" t="s">
        <v>2098</v>
      </c>
      <c r="B213" s="6" t="s">
        <v>1104</v>
      </c>
      <c r="C213" s="2" t="s">
        <v>2099</v>
      </c>
      <c r="D213" s="2" t="s">
        <v>2100</v>
      </c>
      <c r="E213" s="2" t="s">
        <v>2101</v>
      </c>
      <c r="F213" s="2" t="s">
        <v>2102</v>
      </c>
      <c r="G213" s="2" t="s">
        <v>891</v>
      </c>
      <c r="H213" s="2" t="s">
        <v>2103</v>
      </c>
      <c r="I213" s="2" t="s">
        <v>2101</v>
      </c>
      <c r="J213" s="2" t="s">
        <v>2102</v>
      </c>
      <c r="K213" s="2" t="s">
        <v>891</v>
      </c>
      <c r="L213" s="2" t="s">
        <v>2103</v>
      </c>
    </row>
    <row r="214" spans="1:12" x14ac:dyDescent="0.25">
      <c r="A214" s="4" t="s">
        <v>2104</v>
      </c>
      <c r="B214" s="6" t="s">
        <v>902</v>
      </c>
      <c r="C214" s="2" t="s">
        <v>2105</v>
      </c>
      <c r="D214" s="2" t="s">
        <v>2106</v>
      </c>
      <c r="E214" s="2" t="s">
        <v>2107</v>
      </c>
      <c r="F214" s="2" t="s">
        <v>2108</v>
      </c>
      <c r="G214" s="2" t="s">
        <v>1484</v>
      </c>
      <c r="H214" s="2" t="s">
        <v>2109</v>
      </c>
      <c r="I214" s="2" t="s">
        <v>2110</v>
      </c>
      <c r="J214" s="2" t="s">
        <v>2111</v>
      </c>
      <c r="K214" s="2" t="s">
        <v>1813</v>
      </c>
      <c r="L214" s="2" t="s">
        <v>2112</v>
      </c>
    </row>
    <row r="215" spans="1:12" x14ac:dyDescent="0.25">
      <c r="A215" s="5" t="s">
        <v>2113</v>
      </c>
      <c r="B215" s="7" t="s">
        <v>2114</v>
      </c>
      <c r="C215" s="3" t="s">
        <v>573</v>
      </c>
      <c r="D215" s="3" t="s">
        <v>574</v>
      </c>
      <c r="E215" s="3" t="s">
        <v>575</v>
      </c>
      <c r="F215" s="3" t="s">
        <v>576</v>
      </c>
      <c r="G215" s="3" t="s">
        <v>2115</v>
      </c>
      <c r="H215" s="3" t="s">
        <v>577</v>
      </c>
      <c r="I215" s="3" t="s">
        <v>578</v>
      </c>
      <c r="J215" s="3" t="s">
        <v>579</v>
      </c>
      <c r="K215" s="3" t="s">
        <v>428</v>
      </c>
      <c r="L215" s="3" t="s">
        <v>580</v>
      </c>
    </row>
  </sheetData>
  <mergeCells count="14">
    <mergeCell ref="A3:L3"/>
    <mergeCell ref="A4:L4"/>
    <mergeCell ref="A5:L5"/>
    <mergeCell ref="A6:L6"/>
    <mergeCell ref="A7:L7"/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>
      <selection activeCell="D16" sqref="D16"/>
    </sheetView>
  </sheetViews>
  <sheetFormatPr defaultRowHeight="15" x14ac:dyDescent="0.25"/>
  <cols>
    <col min="1" max="1" width="3.28515625" bestFit="1" customWidth="1"/>
    <col min="2" max="2" width="48.5703125" bestFit="1" customWidth="1"/>
    <col min="3" max="14" width="15.42578125" bestFit="1" customWidth="1"/>
    <col min="15" max="15" width="24.42578125" bestFit="1" customWidth="1"/>
    <col min="16" max="16" width="19.85546875" bestFit="1" customWidth="1"/>
  </cols>
  <sheetData>
    <row r="3" spans="1:16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</row>
    <row r="4" spans="1:16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</row>
    <row r="5" spans="1:16" x14ac:dyDescent="0.25">
      <c r="A5" s="12" t="s">
        <v>2116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</row>
    <row r="6" spans="1:16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</row>
    <row r="7" spans="1:16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10"/>
    </row>
    <row r="9" spans="1:16" x14ac:dyDescent="0.25">
      <c r="A9" s="9" t="s">
        <v>2117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</row>
    <row r="10" spans="1:16" x14ac:dyDescent="0.25">
      <c r="A10" s="8" t="s">
        <v>6</v>
      </c>
      <c r="B10" s="8" t="s">
        <v>2118</v>
      </c>
      <c r="C10" s="8" t="s">
        <v>2119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2132</v>
      </c>
      <c r="P10" s="8" t="s">
        <v>2133</v>
      </c>
    </row>
    <row r="11" spans="1:16" x14ac:dyDescent="0.25">
      <c r="A11" s="8" t="s">
        <v>7</v>
      </c>
      <c r="B11" s="8" t="s">
        <v>7</v>
      </c>
      <c r="C11" s="1" t="s">
        <v>2120</v>
      </c>
      <c r="D11" s="1" t="s">
        <v>2121</v>
      </c>
      <c r="E11" s="1" t="s">
        <v>2122</v>
      </c>
      <c r="F11" s="1" t="s">
        <v>2123</v>
      </c>
      <c r="G11" s="1" t="s">
        <v>2124</v>
      </c>
      <c r="H11" s="1" t="s">
        <v>2125</v>
      </c>
      <c r="I11" s="1" t="s">
        <v>2126</v>
      </c>
      <c r="J11" s="1" t="s">
        <v>2127</v>
      </c>
      <c r="K11" s="1" t="s">
        <v>2128</v>
      </c>
      <c r="L11" s="1" t="s">
        <v>2129</v>
      </c>
      <c r="M11" s="1" t="s">
        <v>2130</v>
      </c>
      <c r="N11" s="1" t="s">
        <v>2131</v>
      </c>
      <c r="O11" s="8" t="s">
        <v>7</v>
      </c>
      <c r="P11" s="8" t="s">
        <v>7</v>
      </c>
    </row>
    <row r="12" spans="1:16" x14ac:dyDescent="0.25">
      <c r="A12" s="5" t="s">
        <v>17</v>
      </c>
      <c r="B12" s="7" t="s">
        <v>2134</v>
      </c>
      <c r="C12" s="3" t="s">
        <v>2135</v>
      </c>
      <c r="D12" s="3" t="s">
        <v>2136</v>
      </c>
      <c r="E12" s="3" t="s">
        <v>2137</v>
      </c>
      <c r="F12" s="3" t="s">
        <v>2138</v>
      </c>
      <c r="G12" s="3" t="s">
        <v>2139</v>
      </c>
      <c r="H12" s="3" t="s">
        <v>2140</v>
      </c>
      <c r="I12" s="3" t="s">
        <v>2141</v>
      </c>
      <c r="J12" s="3" t="s">
        <v>2142</v>
      </c>
      <c r="K12" s="3" t="s">
        <v>2143</v>
      </c>
      <c r="L12" s="3" t="s">
        <v>2144</v>
      </c>
      <c r="M12" s="3" t="s">
        <v>2145</v>
      </c>
      <c r="N12" s="3" t="s">
        <v>2146</v>
      </c>
      <c r="O12" s="3" t="s">
        <v>2147</v>
      </c>
      <c r="P12" s="3" t="s">
        <v>2148</v>
      </c>
    </row>
    <row r="13" spans="1:16" x14ac:dyDescent="0.25">
      <c r="A13" s="5" t="s">
        <v>26</v>
      </c>
      <c r="B13" s="7" t="s">
        <v>2149</v>
      </c>
      <c r="C13" s="3" t="s">
        <v>2150</v>
      </c>
      <c r="D13" s="3" t="s">
        <v>2151</v>
      </c>
      <c r="E13" s="3" t="s">
        <v>2152</v>
      </c>
      <c r="F13" s="3" t="s">
        <v>2153</v>
      </c>
      <c r="G13" s="3" t="s">
        <v>2154</v>
      </c>
      <c r="H13" s="3" t="s">
        <v>2155</v>
      </c>
      <c r="I13" s="3" t="s">
        <v>2156</v>
      </c>
      <c r="J13" s="3" t="s">
        <v>2157</v>
      </c>
      <c r="K13" s="3" t="s">
        <v>2158</v>
      </c>
      <c r="L13" s="3" t="s">
        <v>2159</v>
      </c>
      <c r="M13" s="3" t="s">
        <v>2160</v>
      </c>
      <c r="N13" s="3" t="s">
        <v>2161</v>
      </c>
      <c r="O13" s="3" t="s">
        <v>2162</v>
      </c>
      <c r="P13" s="3" t="s">
        <v>2163</v>
      </c>
    </row>
    <row r="14" spans="1:16" x14ac:dyDescent="0.25">
      <c r="A14" s="4" t="s">
        <v>35</v>
      </c>
      <c r="B14" s="6" t="s">
        <v>2164</v>
      </c>
      <c r="C14" s="2" t="s">
        <v>2165</v>
      </c>
      <c r="D14" s="2" t="s">
        <v>2166</v>
      </c>
      <c r="E14" s="2" t="s">
        <v>2167</v>
      </c>
      <c r="F14" s="2" t="s">
        <v>2168</v>
      </c>
      <c r="G14" s="2" t="s">
        <v>2169</v>
      </c>
      <c r="H14" s="2" t="s">
        <v>2170</v>
      </c>
      <c r="I14" s="2" t="s">
        <v>2171</v>
      </c>
      <c r="J14" s="2" t="s">
        <v>2172</v>
      </c>
      <c r="K14" s="2" t="s">
        <v>2173</v>
      </c>
      <c r="L14" s="2" t="s">
        <v>2174</v>
      </c>
      <c r="M14" s="2" t="s">
        <v>2175</v>
      </c>
      <c r="N14" s="2" t="s">
        <v>2176</v>
      </c>
      <c r="O14" s="2" t="s">
        <v>2177</v>
      </c>
      <c r="P14" s="2" t="s">
        <v>2178</v>
      </c>
    </row>
    <row r="15" spans="1:16" x14ac:dyDescent="0.25">
      <c r="A15" s="4" t="s">
        <v>44</v>
      </c>
      <c r="B15" s="6" t="s">
        <v>2179</v>
      </c>
      <c r="C15" s="2" t="s">
        <v>2180</v>
      </c>
      <c r="D15" s="2" t="s">
        <v>2181</v>
      </c>
      <c r="E15" s="2" t="s">
        <v>2182</v>
      </c>
      <c r="F15" s="2" t="s">
        <v>2183</v>
      </c>
      <c r="G15" s="2" t="s">
        <v>2184</v>
      </c>
      <c r="H15" s="2" t="s">
        <v>2185</v>
      </c>
      <c r="I15" s="2" t="s">
        <v>2186</v>
      </c>
      <c r="J15" s="2" t="s">
        <v>2187</v>
      </c>
      <c r="K15" s="2" t="s">
        <v>2188</v>
      </c>
      <c r="L15" s="2" t="s">
        <v>2189</v>
      </c>
      <c r="M15" s="2" t="s">
        <v>2190</v>
      </c>
      <c r="N15" s="2" t="s">
        <v>2191</v>
      </c>
      <c r="O15" s="2" t="s">
        <v>2192</v>
      </c>
      <c r="P15" s="2" t="s">
        <v>2193</v>
      </c>
    </row>
    <row r="16" spans="1:16" x14ac:dyDescent="0.25">
      <c r="A16" s="4" t="s">
        <v>53</v>
      </c>
      <c r="B16" s="6" t="s">
        <v>2194</v>
      </c>
      <c r="C16" s="2" t="s">
        <v>2195</v>
      </c>
      <c r="D16" s="2" t="s">
        <v>2196</v>
      </c>
      <c r="E16" s="2" t="s">
        <v>2197</v>
      </c>
      <c r="F16" s="2" t="s">
        <v>2198</v>
      </c>
      <c r="G16" s="2" t="s">
        <v>2199</v>
      </c>
      <c r="H16" s="2" t="s">
        <v>2200</v>
      </c>
      <c r="I16" s="2" t="s">
        <v>2201</v>
      </c>
      <c r="J16" s="2" t="s">
        <v>2202</v>
      </c>
      <c r="K16" s="2" t="s">
        <v>2203</v>
      </c>
      <c r="L16" s="2" t="s">
        <v>2204</v>
      </c>
      <c r="M16" s="2" t="s">
        <v>2205</v>
      </c>
      <c r="N16" s="2" t="s">
        <v>2206</v>
      </c>
      <c r="O16" s="2" t="s">
        <v>2207</v>
      </c>
      <c r="P16" s="2" t="s">
        <v>2208</v>
      </c>
    </row>
    <row r="17" spans="1:16" x14ac:dyDescent="0.25">
      <c r="A17" s="4" t="s">
        <v>62</v>
      </c>
      <c r="B17" s="6" t="s">
        <v>2209</v>
      </c>
      <c r="C17" s="2" t="s">
        <v>2210</v>
      </c>
      <c r="D17" s="2" t="s">
        <v>2211</v>
      </c>
      <c r="E17" s="2" t="s">
        <v>2212</v>
      </c>
      <c r="F17" s="2" t="s">
        <v>2213</v>
      </c>
      <c r="G17" s="2" t="s">
        <v>2214</v>
      </c>
      <c r="H17" s="2" t="s">
        <v>2215</v>
      </c>
      <c r="I17" s="2" t="s">
        <v>2216</v>
      </c>
      <c r="J17" s="2" t="s">
        <v>2217</v>
      </c>
      <c r="K17" s="2" t="s">
        <v>2218</v>
      </c>
      <c r="L17" s="2" t="s">
        <v>2219</v>
      </c>
      <c r="M17" s="2" t="s">
        <v>2220</v>
      </c>
      <c r="N17" s="2" t="s">
        <v>2221</v>
      </c>
      <c r="O17" s="2" t="s">
        <v>2222</v>
      </c>
      <c r="P17" s="2" t="s">
        <v>2223</v>
      </c>
    </row>
    <row r="18" spans="1:16" x14ac:dyDescent="0.25">
      <c r="A18" s="4" t="s">
        <v>65</v>
      </c>
      <c r="B18" s="6" t="s">
        <v>2224</v>
      </c>
      <c r="C18" s="2" t="s">
        <v>2225</v>
      </c>
      <c r="D18" s="2" t="s">
        <v>2226</v>
      </c>
      <c r="E18" s="2" t="s">
        <v>2227</v>
      </c>
      <c r="F18" s="2" t="s">
        <v>2228</v>
      </c>
      <c r="G18" s="2" t="s">
        <v>2229</v>
      </c>
      <c r="H18" s="2" t="s">
        <v>2230</v>
      </c>
      <c r="I18" s="2" t="s">
        <v>2231</v>
      </c>
      <c r="J18" s="2" t="s">
        <v>2232</v>
      </c>
      <c r="K18" s="2" t="s">
        <v>2233</v>
      </c>
      <c r="L18" s="2" t="s">
        <v>2234</v>
      </c>
      <c r="M18" s="2" t="s">
        <v>2235</v>
      </c>
      <c r="N18" s="2" t="s">
        <v>2236</v>
      </c>
      <c r="O18" s="2" t="s">
        <v>2237</v>
      </c>
      <c r="P18" s="2" t="s">
        <v>56</v>
      </c>
    </row>
    <row r="19" spans="1:16" x14ac:dyDescent="0.25">
      <c r="A19" s="4" t="s">
        <v>74</v>
      </c>
      <c r="B19" s="6" t="s">
        <v>620</v>
      </c>
      <c r="C19" s="2" t="s">
        <v>2238</v>
      </c>
      <c r="D19" s="2" t="s">
        <v>2239</v>
      </c>
      <c r="E19" s="2" t="s">
        <v>2240</v>
      </c>
      <c r="F19" s="2" t="s">
        <v>2241</v>
      </c>
      <c r="G19" s="2" t="s">
        <v>2242</v>
      </c>
      <c r="H19" s="2" t="s">
        <v>2243</v>
      </c>
      <c r="I19" s="2" t="s">
        <v>2244</v>
      </c>
      <c r="J19" s="2" t="s">
        <v>2245</v>
      </c>
      <c r="K19" s="2" t="s">
        <v>2246</v>
      </c>
      <c r="L19" s="2" t="s">
        <v>2247</v>
      </c>
      <c r="M19" s="2" t="s">
        <v>2248</v>
      </c>
      <c r="N19" s="2" t="s">
        <v>2249</v>
      </c>
      <c r="O19" s="2" t="s">
        <v>2250</v>
      </c>
      <c r="P19" s="2" t="s">
        <v>68</v>
      </c>
    </row>
    <row r="20" spans="1:16" x14ac:dyDescent="0.25">
      <c r="A20" s="5" t="s">
        <v>76</v>
      </c>
      <c r="B20" s="7" t="s">
        <v>637</v>
      </c>
      <c r="C20" s="3" t="s">
        <v>2251</v>
      </c>
      <c r="D20" s="3" t="s">
        <v>2252</v>
      </c>
      <c r="E20" s="3" t="s">
        <v>2253</v>
      </c>
      <c r="F20" s="3" t="s">
        <v>2254</v>
      </c>
      <c r="G20" s="3" t="s">
        <v>2255</v>
      </c>
      <c r="H20" s="3" t="s">
        <v>2256</v>
      </c>
      <c r="I20" s="3" t="s">
        <v>2257</v>
      </c>
      <c r="J20" s="3" t="s">
        <v>2258</v>
      </c>
      <c r="K20" s="3" t="s">
        <v>2259</v>
      </c>
      <c r="L20" s="3" t="s">
        <v>2260</v>
      </c>
      <c r="M20" s="3" t="s">
        <v>2261</v>
      </c>
      <c r="N20" s="3" t="s">
        <v>2262</v>
      </c>
      <c r="O20" s="3" t="s">
        <v>2263</v>
      </c>
      <c r="P20" s="3" t="s">
        <v>85</v>
      </c>
    </row>
    <row r="21" spans="1:16" x14ac:dyDescent="0.25">
      <c r="A21" s="4" t="s">
        <v>78</v>
      </c>
      <c r="B21" s="6" t="s">
        <v>2264</v>
      </c>
      <c r="C21" s="2" t="s">
        <v>2265</v>
      </c>
      <c r="D21" s="2" t="s">
        <v>2266</v>
      </c>
      <c r="E21" s="2" t="s">
        <v>2267</v>
      </c>
      <c r="F21" s="2" t="s">
        <v>2268</v>
      </c>
      <c r="G21" s="2" t="s">
        <v>2269</v>
      </c>
      <c r="H21" s="2" t="s">
        <v>2270</v>
      </c>
      <c r="I21" s="2" t="s">
        <v>2271</v>
      </c>
      <c r="J21" s="2" t="s">
        <v>2272</v>
      </c>
      <c r="K21" s="2" t="s">
        <v>2273</v>
      </c>
      <c r="L21" s="2" t="s">
        <v>2274</v>
      </c>
      <c r="M21" s="2" t="s">
        <v>2275</v>
      </c>
      <c r="N21" s="2" t="s">
        <v>2276</v>
      </c>
      <c r="O21" s="2" t="s">
        <v>2277</v>
      </c>
      <c r="P21" s="2" t="s">
        <v>2278</v>
      </c>
    </row>
    <row r="22" spans="1:16" x14ac:dyDescent="0.25">
      <c r="A22" s="4" t="s">
        <v>80</v>
      </c>
      <c r="B22" s="6" t="s">
        <v>2279</v>
      </c>
      <c r="C22" s="2" t="s">
        <v>2280</v>
      </c>
      <c r="D22" s="2" t="s">
        <v>2281</v>
      </c>
      <c r="E22" s="2" t="s">
        <v>2282</v>
      </c>
      <c r="F22" s="2" t="s">
        <v>2283</v>
      </c>
      <c r="G22" s="2" t="s">
        <v>2284</v>
      </c>
      <c r="H22" s="2" t="s">
        <v>2285</v>
      </c>
      <c r="I22" s="2" t="s">
        <v>2286</v>
      </c>
      <c r="J22" s="2" t="s">
        <v>2287</v>
      </c>
      <c r="K22" s="2" t="s">
        <v>2288</v>
      </c>
      <c r="L22" s="2" t="s">
        <v>2289</v>
      </c>
      <c r="M22" s="2" t="s">
        <v>2290</v>
      </c>
      <c r="N22" s="2" t="s">
        <v>2291</v>
      </c>
      <c r="O22" s="2" t="s">
        <v>2292</v>
      </c>
      <c r="P22" s="2" t="s">
        <v>2293</v>
      </c>
    </row>
    <row r="23" spans="1:16" x14ac:dyDescent="0.25">
      <c r="A23" s="4" t="s">
        <v>82</v>
      </c>
      <c r="B23" s="6" t="s">
        <v>666</v>
      </c>
      <c r="C23" s="2" t="s">
        <v>64</v>
      </c>
      <c r="D23" s="2" t="s">
        <v>64</v>
      </c>
      <c r="E23" s="2" t="s">
        <v>64</v>
      </c>
      <c r="F23" s="2" t="s">
        <v>64</v>
      </c>
      <c r="G23" s="2" t="s">
        <v>64</v>
      </c>
      <c r="H23" s="2" t="s">
        <v>64</v>
      </c>
      <c r="I23" s="2" t="s">
        <v>64</v>
      </c>
      <c r="J23" s="2" t="s">
        <v>64</v>
      </c>
      <c r="K23" s="2" t="s">
        <v>64</v>
      </c>
      <c r="L23" s="2" t="s">
        <v>64</v>
      </c>
      <c r="M23" s="2" t="s">
        <v>64</v>
      </c>
      <c r="N23" s="2" t="s">
        <v>64</v>
      </c>
      <c r="O23" s="2" t="s">
        <v>64</v>
      </c>
      <c r="P23" s="2" t="s">
        <v>64</v>
      </c>
    </row>
    <row r="24" spans="1:16" x14ac:dyDescent="0.25">
      <c r="A24" s="4" t="s">
        <v>91</v>
      </c>
      <c r="B24" s="6" t="s">
        <v>668</v>
      </c>
      <c r="C24" s="2" t="s">
        <v>64</v>
      </c>
      <c r="D24" s="2" t="s">
        <v>64</v>
      </c>
      <c r="E24" s="2" t="s">
        <v>64</v>
      </c>
      <c r="F24" s="2" t="s">
        <v>64</v>
      </c>
      <c r="G24" s="2" t="s">
        <v>64</v>
      </c>
      <c r="H24" s="2" t="s">
        <v>64</v>
      </c>
      <c r="I24" s="2" t="s">
        <v>64</v>
      </c>
      <c r="J24" s="2" t="s">
        <v>64</v>
      </c>
      <c r="K24" s="2" t="s">
        <v>64</v>
      </c>
      <c r="L24" s="2" t="s">
        <v>64</v>
      </c>
      <c r="M24" s="2" t="s">
        <v>64</v>
      </c>
      <c r="N24" s="2" t="s">
        <v>64</v>
      </c>
      <c r="O24" s="2" t="s">
        <v>64</v>
      </c>
      <c r="P24" s="2" t="s">
        <v>64</v>
      </c>
    </row>
    <row r="25" spans="1:16" x14ac:dyDescent="0.25">
      <c r="A25" s="4" t="s">
        <v>100</v>
      </c>
      <c r="B25" s="6" t="s">
        <v>670</v>
      </c>
      <c r="C25" s="2" t="s">
        <v>2294</v>
      </c>
      <c r="D25" s="2" t="s">
        <v>2295</v>
      </c>
      <c r="E25" s="2" t="s">
        <v>2296</v>
      </c>
      <c r="F25" s="2" t="s">
        <v>2297</v>
      </c>
      <c r="G25" s="2" t="s">
        <v>2298</v>
      </c>
      <c r="H25" s="2" t="s">
        <v>2299</v>
      </c>
      <c r="I25" s="2" t="s">
        <v>2300</v>
      </c>
      <c r="J25" s="2" t="s">
        <v>2301</v>
      </c>
      <c r="K25" s="2" t="s">
        <v>2302</v>
      </c>
      <c r="L25" s="2" t="s">
        <v>2303</v>
      </c>
      <c r="M25" s="2" t="s">
        <v>2304</v>
      </c>
      <c r="N25" s="2" t="s">
        <v>2305</v>
      </c>
      <c r="O25" s="2" t="s">
        <v>2306</v>
      </c>
      <c r="P25" s="2" t="s">
        <v>137</v>
      </c>
    </row>
    <row r="26" spans="1:16" x14ac:dyDescent="0.25">
      <c r="A26" s="5" t="s">
        <v>109</v>
      </c>
      <c r="B26" s="7" t="s">
        <v>682</v>
      </c>
      <c r="C26" s="3" t="s">
        <v>2307</v>
      </c>
      <c r="D26" s="3" t="s">
        <v>2308</v>
      </c>
      <c r="E26" s="3" t="s">
        <v>2309</v>
      </c>
      <c r="F26" s="3" t="s">
        <v>2310</v>
      </c>
      <c r="G26" s="3" t="s">
        <v>2311</v>
      </c>
      <c r="H26" s="3" t="s">
        <v>2312</v>
      </c>
      <c r="I26" s="3" t="s">
        <v>2313</v>
      </c>
      <c r="J26" s="3" t="s">
        <v>2314</v>
      </c>
      <c r="K26" s="3" t="s">
        <v>2315</v>
      </c>
      <c r="L26" s="3" t="s">
        <v>2316</v>
      </c>
      <c r="M26" s="3" t="s">
        <v>2317</v>
      </c>
      <c r="N26" s="3" t="s">
        <v>2318</v>
      </c>
      <c r="O26" s="3" t="s">
        <v>2319</v>
      </c>
      <c r="P26" s="3" t="s">
        <v>2320</v>
      </c>
    </row>
    <row r="27" spans="1:16" x14ac:dyDescent="0.25">
      <c r="A27" s="4" t="s">
        <v>111</v>
      </c>
      <c r="B27" s="6" t="s">
        <v>2321</v>
      </c>
      <c r="C27" s="2" t="s">
        <v>2322</v>
      </c>
      <c r="D27" s="2" t="s">
        <v>2323</v>
      </c>
      <c r="E27" s="2" t="s">
        <v>2324</v>
      </c>
      <c r="F27" s="2" t="s">
        <v>2325</v>
      </c>
      <c r="G27" s="2" t="s">
        <v>2326</v>
      </c>
      <c r="H27" s="2" t="s">
        <v>2327</v>
      </c>
      <c r="I27" s="2" t="s">
        <v>2328</v>
      </c>
      <c r="J27" s="2" t="s">
        <v>2329</v>
      </c>
      <c r="K27" s="2" t="s">
        <v>2330</v>
      </c>
      <c r="L27" s="2" t="s">
        <v>2331</v>
      </c>
      <c r="M27" s="2" t="s">
        <v>2332</v>
      </c>
      <c r="N27" s="2" t="s">
        <v>2333</v>
      </c>
      <c r="O27" s="2" t="s">
        <v>2334</v>
      </c>
      <c r="P27" s="2" t="s">
        <v>2335</v>
      </c>
    </row>
    <row r="28" spans="1:16" x14ac:dyDescent="0.25">
      <c r="A28" s="4" t="s">
        <v>119</v>
      </c>
      <c r="B28" s="6" t="s">
        <v>2336</v>
      </c>
      <c r="C28" s="2" t="s">
        <v>2337</v>
      </c>
      <c r="D28" s="2" t="s">
        <v>2337</v>
      </c>
      <c r="E28" s="2" t="s">
        <v>2338</v>
      </c>
      <c r="F28" s="2" t="s">
        <v>2338</v>
      </c>
      <c r="G28" s="2" t="s">
        <v>2338</v>
      </c>
      <c r="H28" s="2" t="s">
        <v>2338</v>
      </c>
      <c r="I28" s="2" t="s">
        <v>2338</v>
      </c>
      <c r="J28" s="2" t="s">
        <v>2338</v>
      </c>
      <c r="K28" s="2" t="s">
        <v>2338</v>
      </c>
      <c r="L28" s="2" t="s">
        <v>2338</v>
      </c>
      <c r="M28" s="2" t="s">
        <v>2338</v>
      </c>
      <c r="N28" s="2" t="s">
        <v>2338</v>
      </c>
      <c r="O28" s="2" t="s">
        <v>2339</v>
      </c>
      <c r="P28" s="2" t="s">
        <v>2340</v>
      </c>
    </row>
    <row r="29" spans="1:16" x14ac:dyDescent="0.25">
      <c r="A29" s="4" t="s">
        <v>121</v>
      </c>
      <c r="B29" s="6" t="s">
        <v>2341</v>
      </c>
      <c r="C29" s="2" t="s">
        <v>2342</v>
      </c>
      <c r="D29" s="2" t="s">
        <v>2343</v>
      </c>
      <c r="E29" s="2" t="s">
        <v>2344</v>
      </c>
      <c r="F29" s="2" t="s">
        <v>2345</v>
      </c>
      <c r="G29" s="2" t="s">
        <v>2346</v>
      </c>
      <c r="H29" s="2" t="s">
        <v>2347</v>
      </c>
      <c r="I29" s="2" t="s">
        <v>2348</v>
      </c>
      <c r="J29" s="2" t="s">
        <v>2349</v>
      </c>
      <c r="K29" s="2" t="s">
        <v>2350</v>
      </c>
      <c r="L29" s="2" t="s">
        <v>2351</v>
      </c>
      <c r="M29" s="2" t="s">
        <v>2352</v>
      </c>
      <c r="N29" s="2" t="s">
        <v>2353</v>
      </c>
      <c r="O29" s="2" t="s">
        <v>2354</v>
      </c>
      <c r="P29" s="2" t="s">
        <v>2355</v>
      </c>
    </row>
    <row r="30" spans="1:16" x14ac:dyDescent="0.25">
      <c r="A30" s="4" t="s">
        <v>128</v>
      </c>
      <c r="B30" s="6" t="s">
        <v>2356</v>
      </c>
      <c r="C30" s="2" t="s">
        <v>2357</v>
      </c>
      <c r="D30" s="2" t="s">
        <v>2358</v>
      </c>
      <c r="E30" s="2" t="s">
        <v>2359</v>
      </c>
      <c r="F30" s="2" t="s">
        <v>2360</v>
      </c>
      <c r="G30" s="2" t="s">
        <v>2361</v>
      </c>
      <c r="H30" s="2" t="s">
        <v>2362</v>
      </c>
      <c r="I30" s="2" t="s">
        <v>2363</v>
      </c>
      <c r="J30" s="2" t="s">
        <v>2364</v>
      </c>
      <c r="K30" s="2" t="s">
        <v>2365</v>
      </c>
      <c r="L30" s="2" t="s">
        <v>2366</v>
      </c>
      <c r="M30" s="2" t="s">
        <v>2367</v>
      </c>
      <c r="N30" s="2" t="s">
        <v>2368</v>
      </c>
      <c r="O30" s="2" t="s">
        <v>2369</v>
      </c>
      <c r="P30" s="2" t="s">
        <v>216</v>
      </c>
    </row>
    <row r="31" spans="1:16" x14ac:dyDescent="0.25">
      <c r="A31" s="4" t="s">
        <v>130</v>
      </c>
      <c r="B31" s="6" t="s">
        <v>2370</v>
      </c>
      <c r="C31" s="2" t="s">
        <v>2371</v>
      </c>
      <c r="D31" s="2" t="s">
        <v>2372</v>
      </c>
      <c r="E31" s="2" t="s">
        <v>2373</v>
      </c>
      <c r="F31" s="2" t="s">
        <v>2374</v>
      </c>
      <c r="G31" s="2" t="s">
        <v>2375</v>
      </c>
      <c r="H31" s="2" t="s">
        <v>2376</v>
      </c>
      <c r="I31" s="2" t="s">
        <v>2377</v>
      </c>
      <c r="J31" s="2" t="s">
        <v>2378</v>
      </c>
      <c r="K31" s="2" t="s">
        <v>2379</v>
      </c>
      <c r="L31" s="2" t="s">
        <v>2380</v>
      </c>
      <c r="M31" s="2" t="s">
        <v>2381</v>
      </c>
      <c r="N31" s="2" t="s">
        <v>2382</v>
      </c>
      <c r="O31" s="2" t="s">
        <v>2383</v>
      </c>
      <c r="P31" s="2" t="s">
        <v>2384</v>
      </c>
    </row>
    <row r="32" spans="1:16" x14ac:dyDescent="0.25">
      <c r="A32" s="4" t="s">
        <v>132</v>
      </c>
      <c r="B32" s="6" t="s">
        <v>700</v>
      </c>
      <c r="C32" s="2" t="s">
        <v>2385</v>
      </c>
      <c r="D32" s="2" t="s">
        <v>2386</v>
      </c>
      <c r="E32" s="2" t="s">
        <v>2387</v>
      </c>
      <c r="F32" s="2" t="s">
        <v>2388</v>
      </c>
      <c r="G32" s="2" t="s">
        <v>2389</v>
      </c>
      <c r="H32" s="2" t="s">
        <v>2390</v>
      </c>
      <c r="I32" s="2" t="s">
        <v>2391</v>
      </c>
      <c r="J32" s="2" t="s">
        <v>2392</v>
      </c>
      <c r="K32" s="2" t="s">
        <v>2393</v>
      </c>
      <c r="L32" s="2" t="s">
        <v>2394</v>
      </c>
      <c r="M32" s="2" t="s">
        <v>2395</v>
      </c>
      <c r="N32" s="2" t="s">
        <v>2396</v>
      </c>
      <c r="O32" s="2" t="s">
        <v>2397</v>
      </c>
      <c r="P32" s="2" t="s">
        <v>237</v>
      </c>
    </row>
    <row r="33" spans="1:16" x14ac:dyDescent="0.25">
      <c r="A33" s="5" t="s">
        <v>134</v>
      </c>
      <c r="B33" s="7" t="s">
        <v>2398</v>
      </c>
      <c r="C33" s="3" t="s">
        <v>2399</v>
      </c>
      <c r="D33" s="3" t="s">
        <v>2400</v>
      </c>
      <c r="E33" s="3" t="s">
        <v>2401</v>
      </c>
      <c r="F33" s="3" t="s">
        <v>2402</v>
      </c>
      <c r="G33" s="3" t="s">
        <v>2403</v>
      </c>
      <c r="H33" s="3" t="s">
        <v>2404</v>
      </c>
      <c r="I33" s="3" t="s">
        <v>2405</v>
      </c>
      <c r="J33" s="3" t="s">
        <v>2406</v>
      </c>
      <c r="K33" s="3" t="s">
        <v>2407</v>
      </c>
      <c r="L33" s="3" t="s">
        <v>2408</v>
      </c>
      <c r="M33" s="3" t="s">
        <v>2409</v>
      </c>
      <c r="N33" s="3" t="s">
        <v>2410</v>
      </c>
      <c r="O33" s="3" t="s">
        <v>2411</v>
      </c>
      <c r="P33" s="3" t="s">
        <v>2412</v>
      </c>
    </row>
    <row r="34" spans="1:16" x14ac:dyDescent="0.25">
      <c r="A34" s="4" t="s">
        <v>143</v>
      </c>
      <c r="B34" s="6" t="s">
        <v>2413</v>
      </c>
      <c r="C34" s="2" t="s">
        <v>2414</v>
      </c>
      <c r="D34" s="2" t="s">
        <v>2415</v>
      </c>
      <c r="E34" s="2" t="s">
        <v>2416</v>
      </c>
      <c r="F34" s="2" t="s">
        <v>2417</v>
      </c>
      <c r="G34" s="2" t="s">
        <v>2418</v>
      </c>
      <c r="H34" s="2" t="s">
        <v>2419</v>
      </c>
      <c r="I34" s="2" t="s">
        <v>2420</v>
      </c>
      <c r="J34" s="2" t="s">
        <v>2421</v>
      </c>
      <c r="K34" s="2" t="s">
        <v>2422</v>
      </c>
      <c r="L34" s="2" t="s">
        <v>2423</v>
      </c>
      <c r="M34" s="2" t="s">
        <v>2424</v>
      </c>
      <c r="N34" s="2" t="s">
        <v>2425</v>
      </c>
      <c r="O34" s="2" t="s">
        <v>2426</v>
      </c>
      <c r="P34" s="2" t="s">
        <v>2427</v>
      </c>
    </row>
    <row r="35" spans="1:16" x14ac:dyDescent="0.25">
      <c r="A35" s="4" t="s">
        <v>152</v>
      </c>
      <c r="B35" s="6" t="s">
        <v>2428</v>
      </c>
      <c r="C35" s="2" t="s">
        <v>2238</v>
      </c>
      <c r="D35" s="2" t="s">
        <v>2239</v>
      </c>
      <c r="E35" s="2" t="s">
        <v>2429</v>
      </c>
      <c r="F35" s="2" t="s">
        <v>2430</v>
      </c>
      <c r="G35" s="2" t="s">
        <v>2431</v>
      </c>
      <c r="H35" s="2" t="s">
        <v>2432</v>
      </c>
      <c r="I35" s="2" t="s">
        <v>2433</v>
      </c>
      <c r="J35" s="2" t="s">
        <v>2434</v>
      </c>
      <c r="K35" s="2" t="s">
        <v>2435</v>
      </c>
      <c r="L35" s="2" t="s">
        <v>2436</v>
      </c>
      <c r="M35" s="2" t="s">
        <v>2437</v>
      </c>
      <c r="N35" s="2" t="s">
        <v>2438</v>
      </c>
      <c r="O35" s="2" t="s">
        <v>2439</v>
      </c>
      <c r="P35" s="2" t="s">
        <v>2440</v>
      </c>
    </row>
    <row r="36" spans="1:16" x14ac:dyDescent="0.25">
      <c r="A36" s="4" t="s">
        <v>160</v>
      </c>
      <c r="B36" s="6" t="s">
        <v>2441</v>
      </c>
      <c r="C36" s="2" t="s">
        <v>2442</v>
      </c>
      <c r="D36" s="2" t="s">
        <v>64</v>
      </c>
      <c r="E36" s="2" t="s">
        <v>64</v>
      </c>
      <c r="F36" s="2" t="s">
        <v>64</v>
      </c>
      <c r="G36" s="2" t="s">
        <v>64</v>
      </c>
      <c r="H36" s="2" t="s">
        <v>64</v>
      </c>
      <c r="I36" s="2" t="s">
        <v>2443</v>
      </c>
      <c r="J36" s="2" t="s">
        <v>2444</v>
      </c>
      <c r="K36" s="2" t="s">
        <v>2445</v>
      </c>
      <c r="L36" s="2" t="s">
        <v>2446</v>
      </c>
      <c r="M36" s="2" t="s">
        <v>2447</v>
      </c>
      <c r="N36" s="2" t="s">
        <v>2448</v>
      </c>
      <c r="O36" s="2" t="s">
        <v>2449</v>
      </c>
      <c r="P36" s="2" t="s">
        <v>2450</v>
      </c>
    </row>
    <row r="37" spans="1:16" x14ac:dyDescent="0.25">
      <c r="A37" s="4" t="s">
        <v>168</v>
      </c>
      <c r="B37" s="6" t="s">
        <v>2451</v>
      </c>
      <c r="C37" s="2" t="s">
        <v>2452</v>
      </c>
      <c r="D37" s="2" t="s">
        <v>2453</v>
      </c>
      <c r="E37" s="2" t="s">
        <v>2454</v>
      </c>
      <c r="F37" s="2" t="s">
        <v>2455</v>
      </c>
      <c r="G37" s="2" t="s">
        <v>2456</v>
      </c>
      <c r="H37" s="2" t="s">
        <v>2457</v>
      </c>
      <c r="I37" s="2" t="s">
        <v>2458</v>
      </c>
      <c r="J37" s="2" t="s">
        <v>2459</v>
      </c>
      <c r="K37" s="2" t="s">
        <v>2460</v>
      </c>
      <c r="L37" s="2" t="s">
        <v>2461</v>
      </c>
      <c r="M37" s="2" t="s">
        <v>2462</v>
      </c>
      <c r="N37" s="2" t="s">
        <v>2463</v>
      </c>
      <c r="O37" s="2" t="s">
        <v>2464</v>
      </c>
      <c r="P37" s="2" t="s">
        <v>2465</v>
      </c>
    </row>
    <row r="38" spans="1:16" x14ac:dyDescent="0.25">
      <c r="A38" s="5" t="s">
        <v>170</v>
      </c>
      <c r="B38" s="7" t="s">
        <v>2466</v>
      </c>
      <c r="C38" s="3" t="s">
        <v>2467</v>
      </c>
      <c r="D38" s="3" t="s">
        <v>2468</v>
      </c>
      <c r="E38" s="3" t="s">
        <v>2469</v>
      </c>
      <c r="F38" s="3" t="s">
        <v>2470</v>
      </c>
      <c r="G38" s="3" t="s">
        <v>2471</v>
      </c>
      <c r="H38" s="3" t="s">
        <v>2472</v>
      </c>
      <c r="I38" s="3" t="s">
        <v>2473</v>
      </c>
      <c r="J38" s="3" t="s">
        <v>2474</v>
      </c>
      <c r="K38" s="3" t="s">
        <v>2475</v>
      </c>
      <c r="L38" s="3" t="s">
        <v>2476</v>
      </c>
      <c r="M38" s="3" t="s">
        <v>2477</v>
      </c>
      <c r="N38" s="3" t="s">
        <v>2478</v>
      </c>
      <c r="O38" s="3" t="s">
        <v>2479</v>
      </c>
      <c r="P38" s="3" t="s">
        <v>2480</v>
      </c>
    </row>
  </sheetData>
  <mergeCells count="11">
    <mergeCell ref="A3:P3"/>
    <mergeCell ref="A4:P4"/>
    <mergeCell ref="A5:P5"/>
    <mergeCell ref="A6:P6"/>
    <mergeCell ref="A7:P7"/>
    <mergeCell ref="A9:P9"/>
    <mergeCell ref="A10:A11"/>
    <mergeCell ref="B10:B11"/>
    <mergeCell ref="C10:N10"/>
    <mergeCell ref="O10:O11"/>
    <mergeCell ref="P10:P11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3"/>
  <sheetViews>
    <sheetView showGridLines="0" workbookViewId="0">
      <selection activeCell="D17" sqref="D17"/>
    </sheetView>
  </sheetViews>
  <sheetFormatPr defaultRowHeight="15" x14ac:dyDescent="0.25"/>
  <cols>
    <col min="1" max="1" width="4.42578125" bestFit="1" customWidth="1"/>
    <col min="2" max="2" width="64.140625" bestFit="1" customWidth="1"/>
    <col min="3" max="3" width="22.85546875" bestFit="1" customWidth="1"/>
    <col min="4" max="4" width="19.85546875" bestFit="1" customWidth="1"/>
    <col min="5" max="8" width="15.4257812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2481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2482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2483</v>
      </c>
      <c r="C10" s="8" t="s">
        <v>9</v>
      </c>
      <c r="D10" s="8" t="s">
        <v>2133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2484</v>
      </c>
      <c r="F11" s="1" t="s">
        <v>2485</v>
      </c>
    </row>
    <row r="12" spans="1:8" x14ac:dyDescent="0.25">
      <c r="A12" s="5" t="s">
        <v>17</v>
      </c>
      <c r="B12" s="7" t="s">
        <v>2134</v>
      </c>
      <c r="C12" s="3" t="s">
        <v>2486</v>
      </c>
      <c r="D12" s="3" t="s">
        <v>2487</v>
      </c>
      <c r="E12" s="3" t="s">
        <v>2488</v>
      </c>
      <c r="F12" s="3" t="s">
        <v>2489</v>
      </c>
    </row>
    <row r="13" spans="1:8" x14ac:dyDescent="0.25">
      <c r="A13" s="5" t="s">
        <v>26</v>
      </c>
      <c r="B13" s="7" t="s">
        <v>2490</v>
      </c>
      <c r="C13" s="3" t="s">
        <v>2491</v>
      </c>
      <c r="D13" s="3" t="s">
        <v>2440</v>
      </c>
      <c r="E13" s="3" t="s">
        <v>2492</v>
      </c>
      <c r="F13" s="3" t="s">
        <v>2493</v>
      </c>
    </row>
    <row r="14" spans="1:8" x14ac:dyDescent="0.25">
      <c r="A14" s="5" t="s">
        <v>35</v>
      </c>
      <c r="B14" s="7" t="s">
        <v>2494</v>
      </c>
      <c r="C14" s="3" t="s">
        <v>2495</v>
      </c>
      <c r="D14" s="3" t="s">
        <v>2496</v>
      </c>
      <c r="E14" s="3" t="s">
        <v>2497</v>
      </c>
      <c r="F14" s="3" t="s">
        <v>2498</v>
      </c>
    </row>
    <row r="15" spans="1:8" x14ac:dyDescent="0.25">
      <c r="A15" s="4" t="s">
        <v>44</v>
      </c>
      <c r="B15" s="6" t="s">
        <v>2499</v>
      </c>
      <c r="C15" s="2" t="s">
        <v>2500</v>
      </c>
      <c r="D15" s="2" t="s">
        <v>2501</v>
      </c>
      <c r="E15" s="2" t="s">
        <v>2502</v>
      </c>
      <c r="F15" s="2" t="s">
        <v>2503</v>
      </c>
    </row>
    <row r="16" spans="1:8" x14ac:dyDescent="0.25">
      <c r="A16" s="4" t="s">
        <v>53</v>
      </c>
      <c r="B16" s="6" t="s">
        <v>2504</v>
      </c>
      <c r="C16" s="2" t="s">
        <v>2505</v>
      </c>
      <c r="D16" s="2" t="s">
        <v>2506</v>
      </c>
      <c r="E16" s="2" t="s">
        <v>2507</v>
      </c>
      <c r="F16" s="2" t="s">
        <v>2508</v>
      </c>
    </row>
    <row r="17" spans="1:6" x14ac:dyDescent="0.25">
      <c r="A17" s="4" t="s">
        <v>62</v>
      </c>
      <c r="B17" s="6" t="s">
        <v>2509</v>
      </c>
      <c r="C17" s="2" t="s">
        <v>2510</v>
      </c>
      <c r="D17" s="2" t="s">
        <v>2511</v>
      </c>
      <c r="E17" s="2" t="s">
        <v>2512</v>
      </c>
      <c r="F17" s="2" t="s">
        <v>2513</v>
      </c>
    </row>
    <row r="18" spans="1:6" x14ac:dyDescent="0.25">
      <c r="A18" s="5" t="s">
        <v>65</v>
      </c>
      <c r="B18" s="7" t="s">
        <v>2514</v>
      </c>
      <c r="C18" s="3" t="s">
        <v>2515</v>
      </c>
      <c r="D18" s="3" t="s">
        <v>2516</v>
      </c>
      <c r="E18" s="3" t="s">
        <v>2517</v>
      </c>
      <c r="F18" s="3" t="s">
        <v>2518</v>
      </c>
    </row>
    <row r="19" spans="1:6" x14ac:dyDescent="0.25">
      <c r="A19" s="4" t="s">
        <v>74</v>
      </c>
      <c r="B19" s="6" t="s">
        <v>2499</v>
      </c>
      <c r="C19" s="2" t="s">
        <v>2519</v>
      </c>
      <c r="D19" s="2" t="s">
        <v>2520</v>
      </c>
      <c r="E19" s="2" t="s">
        <v>2521</v>
      </c>
      <c r="F19" s="2" t="s">
        <v>2522</v>
      </c>
    </row>
    <row r="20" spans="1:6" x14ac:dyDescent="0.25">
      <c r="A20" s="4" t="s">
        <v>76</v>
      </c>
      <c r="B20" s="6" t="s">
        <v>2504</v>
      </c>
      <c r="C20" s="2" t="s">
        <v>2523</v>
      </c>
      <c r="D20" s="2" t="s">
        <v>2524</v>
      </c>
      <c r="E20" s="2" t="s">
        <v>2525</v>
      </c>
      <c r="F20" s="2" t="s">
        <v>64</v>
      </c>
    </row>
    <row r="21" spans="1:6" x14ac:dyDescent="0.25">
      <c r="A21" s="4" t="s">
        <v>78</v>
      </c>
      <c r="B21" s="6" t="s">
        <v>2509</v>
      </c>
      <c r="C21" s="2" t="s">
        <v>2526</v>
      </c>
      <c r="D21" s="2" t="s">
        <v>2527</v>
      </c>
      <c r="E21" s="2" t="s">
        <v>2528</v>
      </c>
      <c r="F21" s="2" t="s">
        <v>2529</v>
      </c>
    </row>
    <row r="22" spans="1:6" x14ac:dyDescent="0.25">
      <c r="A22" s="5" t="s">
        <v>80</v>
      </c>
      <c r="B22" s="7" t="s">
        <v>2530</v>
      </c>
      <c r="C22" s="3" t="s">
        <v>2531</v>
      </c>
      <c r="D22" s="3" t="s">
        <v>2532</v>
      </c>
      <c r="E22" s="3" t="s">
        <v>2533</v>
      </c>
      <c r="F22" s="3" t="s">
        <v>2534</v>
      </c>
    </row>
    <row r="23" spans="1:6" x14ac:dyDescent="0.25">
      <c r="A23" s="5" t="s">
        <v>82</v>
      </c>
      <c r="B23" s="7" t="s">
        <v>2494</v>
      </c>
      <c r="C23" s="3" t="s">
        <v>2535</v>
      </c>
      <c r="D23" s="3" t="s">
        <v>2536</v>
      </c>
      <c r="E23" s="3" t="s">
        <v>2537</v>
      </c>
      <c r="F23" s="3" t="s">
        <v>2538</v>
      </c>
    </row>
    <row r="24" spans="1:6" x14ac:dyDescent="0.25">
      <c r="A24" s="4" t="s">
        <v>91</v>
      </c>
      <c r="B24" s="6" t="s">
        <v>2499</v>
      </c>
      <c r="C24" s="2" t="s">
        <v>2539</v>
      </c>
      <c r="D24" s="2" t="s">
        <v>2540</v>
      </c>
      <c r="E24" s="2" t="s">
        <v>2541</v>
      </c>
      <c r="F24" s="2" t="s">
        <v>2542</v>
      </c>
    </row>
    <row r="25" spans="1:6" x14ac:dyDescent="0.25">
      <c r="A25" s="4" t="s">
        <v>100</v>
      </c>
      <c r="B25" s="6" t="s">
        <v>2504</v>
      </c>
      <c r="C25" s="2" t="s">
        <v>2543</v>
      </c>
      <c r="D25" s="2" t="s">
        <v>2544</v>
      </c>
      <c r="E25" s="2" t="s">
        <v>2545</v>
      </c>
      <c r="F25" s="2" t="s">
        <v>64</v>
      </c>
    </row>
    <row r="26" spans="1:6" x14ac:dyDescent="0.25">
      <c r="A26" s="4" t="s">
        <v>109</v>
      </c>
      <c r="B26" s="6" t="s">
        <v>2509</v>
      </c>
      <c r="C26" s="2" t="s">
        <v>2546</v>
      </c>
      <c r="D26" s="2" t="s">
        <v>2547</v>
      </c>
      <c r="E26" s="2" t="s">
        <v>2548</v>
      </c>
      <c r="F26" s="2" t="s">
        <v>2549</v>
      </c>
    </row>
    <row r="27" spans="1:6" x14ac:dyDescent="0.25">
      <c r="A27" s="5" t="s">
        <v>111</v>
      </c>
      <c r="B27" s="7" t="s">
        <v>2514</v>
      </c>
      <c r="C27" s="3" t="s">
        <v>2550</v>
      </c>
      <c r="D27" s="3" t="s">
        <v>2551</v>
      </c>
      <c r="E27" s="3" t="s">
        <v>2552</v>
      </c>
      <c r="F27" s="3" t="s">
        <v>2553</v>
      </c>
    </row>
    <row r="28" spans="1:6" x14ac:dyDescent="0.25">
      <c r="A28" s="4" t="s">
        <v>119</v>
      </c>
      <c r="B28" s="6" t="s">
        <v>2499</v>
      </c>
      <c r="C28" s="2" t="s">
        <v>2554</v>
      </c>
      <c r="D28" s="2" t="s">
        <v>2555</v>
      </c>
      <c r="E28" s="2" t="s">
        <v>2556</v>
      </c>
      <c r="F28" s="2" t="s">
        <v>2557</v>
      </c>
    </row>
    <row r="29" spans="1:6" x14ac:dyDescent="0.25">
      <c r="A29" s="4" t="s">
        <v>121</v>
      </c>
      <c r="B29" s="6" t="s">
        <v>2504</v>
      </c>
      <c r="C29" s="2" t="s">
        <v>2558</v>
      </c>
      <c r="D29" s="2" t="s">
        <v>2559</v>
      </c>
      <c r="E29" s="2" t="s">
        <v>2560</v>
      </c>
      <c r="F29" s="2" t="s">
        <v>2561</v>
      </c>
    </row>
    <row r="30" spans="1:6" x14ac:dyDescent="0.25">
      <c r="A30" s="4" t="s">
        <v>128</v>
      </c>
      <c r="B30" s="6" t="s">
        <v>2509</v>
      </c>
      <c r="C30" s="2" t="s">
        <v>2562</v>
      </c>
      <c r="D30" s="2" t="s">
        <v>2563</v>
      </c>
      <c r="E30" s="2" t="s">
        <v>2564</v>
      </c>
      <c r="F30" s="2" t="s">
        <v>64</v>
      </c>
    </row>
    <row r="31" spans="1:6" x14ac:dyDescent="0.25">
      <c r="A31" s="4" t="s">
        <v>130</v>
      </c>
      <c r="B31" s="6" t="s">
        <v>2565</v>
      </c>
      <c r="C31" s="2" t="s">
        <v>64</v>
      </c>
      <c r="D31" s="2" t="s">
        <v>64</v>
      </c>
      <c r="E31" s="2" t="s">
        <v>64</v>
      </c>
      <c r="F31" s="2" t="s">
        <v>2566</v>
      </c>
    </row>
    <row r="32" spans="1:6" x14ac:dyDescent="0.25">
      <c r="A32" s="5" t="s">
        <v>132</v>
      </c>
      <c r="B32" s="7" t="s">
        <v>2567</v>
      </c>
      <c r="C32" s="3" t="s">
        <v>2568</v>
      </c>
      <c r="D32" s="3" t="s">
        <v>2569</v>
      </c>
      <c r="E32" s="3" t="s">
        <v>2570</v>
      </c>
      <c r="F32" s="3" t="s">
        <v>2571</v>
      </c>
    </row>
    <row r="33" spans="1:8" x14ac:dyDescent="0.25">
      <c r="A33" s="4" t="s">
        <v>134</v>
      </c>
      <c r="B33" s="6" t="s">
        <v>2572</v>
      </c>
      <c r="C33" s="2" t="s">
        <v>2573</v>
      </c>
      <c r="D33" s="2" t="s">
        <v>2574</v>
      </c>
      <c r="E33" s="2" t="s">
        <v>2575</v>
      </c>
      <c r="F33" s="2" t="s">
        <v>64</v>
      </c>
    </row>
    <row r="34" spans="1:8" x14ac:dyDescent="0.25">
      <c r="A34" s="4" t="s">
        <v>143</v>
      </c>
      <c r="B34" s="6" t="s">
        <v>2576</v>
      </c>
      <c r="C34" s="2" t="s">
        <v>2577</v>
      </c>
      <c r="D34" s="2" t="s">
        <v>2578</v>
      </c>
      <c r="E34" s="2" t="s">
        <v>2579</v>
      </c>
      <c r="F34" s="2" t="s">
        <v>2571</v>
      </c>
    </row>
    <row r="35" spans="1:8" x14ac:dyDescent="0.25">
      <c r="A35" s="4" t="s">
        <v>152</v>
      </c>
      <c r="B35" s="6" t="s">
        <v>2580</v>
      </c>
      <c r="C35" s="2" t="s">
        <v>64</v>
      </c>
      <c r="D35" s="2" t="s">
        <v>64</v>
      </c>
      <c r="E35" s="2" t="s">
        <v>64</v>
      </c>
      <c r="F35" s="2" t="s">
        <v>64</v>
      </c>
    </row>
    <row r="36" spans="1:8" x14ac:dyDescent="0.25">
      <c r="A36" s="4" t="s">
        <v>160</v>
      </c>
      <c r="B36" s="6" t="s">
        <v>2581</v>
      </c>
      <c r="C36" s="2" t="s">
        <v>64</v>
      </c>
      <c r="D36" s="2" t="s">
        <v>64</v>
      </c>
      <c r="E36" s="2" t="s">
        <v>64</v>
      </c>
      <c r="F36" s="2" t="s">
        <v>64</v>
      </c>
    </row>
    <row r="37" spans="1:8" x14ac:dyDescent="0.25">
      <c r="A37" s="5" t="s">
        <v>168</v>
      </c>
      <c r="B37" s="7" t="s">
        <v>2582</v>
      </c>
      <c r="C37" s="3" t="s">
        <v>2583</v>
      </c>
      <c r="D37" s="3" t="s">
        <v>2584</v>
      </c>
      <c r="E37" s="3" t="s">
        <v>2585</v>
      </c>
      <c r="F37" s="3" t="s">
        <v>2586</v>
      </c>
    </row>
    <row r="38" spans="1:8" x14ac:dyDescent="0.25">
      <c r="A38" s="4" t="s">
        <v>170</v>
      </c>
      <c r="B38" s="6" t="s">
        <v>2587</v>
      </c>
      <c r="C38" s="2" t="s">
        <v>2588</v>
      </c>
      <c r="D38" s="2" t="s">
        <v>2588</v>
      </c>
      <c r="E38" s="2" t="s">
        <v>64</v>
      </c>
      <c r="F38" s="2" t="s">
        <v>64</v>
      </c>
    </row>
    <row r="39" spans="1:8" x14ac:dyDescent="0.25">
      <c r="A39" s="4" t="s">
        <v>178</v>
      </c>
      <c r="B39" s="6" t="s">
        <v>2589</v>
      </c>
      <c r="C39" s="2" t="s">
        <v>2590</v>
      </c>
      <c r="D39" s="2" t="s">
        <v>2591</v>
      </c>
      <c r="E39" s="2" t="s">
        <v>705</v>
      </c>
      <c r="F39" s="2" t="s">
        <v>64</v>
      </c>
    </row>
    <row r="40" spans="1:8" x14ac:dyDescent="0.25">
      <c r="A40" s="4" t="s">
        <v>187</v>
      </c>
      <c r="B40" s="6" t="s">
        <v>2592</v>
      </c>
      <c r="C40" s="2" t="s">
        <v>2593</v>
      </c>
      <c r="D40" s="2" t="s">
        <v>2594</v>
      </c>
      <c r="E40" s="2" t="s">
        <v>2595</v>
      </c>
      <c r="F40" s="2" t="s">
        <v>2586</v>
      </c>
    </row>
    <row r="41" spans="1:8" x14ac:dyDescent="0.25">
      <c r="A41" s="5" t="s">
        <v>196</v>
      </c>
      <c r="B41" s="7" t="s">
        <v>2596</v>
      </c>
      <c r="C41" s="3" t="s">
        <v>64</v>
      </c>
      <c r="D41" s="3" t="s">
        <v>64</v>
      </c>
      <c r="E41" s="3" t="s">
        <v>64</v>
      </c>
      <c r="F41" s="3" t="s">
        <v>64</v>
      </c>
    </row>
    <row r="42" spans="1:8" x14ac:dyDescent="0.25">
      <c r="A42" s="4" t="s">
        <v>198</v>
      </c>
      <c r="B42" s="6" t="s">
        <v>2597</v>
      </c>
      <c r="C42" s="2" t="s">
        <v>64</v>
      </c>
      <c r="D42" s="2" t="s">
        <v>64</v>
      </c>
      <c r="E42" s="2" t="s">
        <v>64</v>
      </c>
      <c r="F42" s="2" t="s">
        <v>64</v>
      </c>
    </row>
    <row r="43" spans="1:8" x14ac:dyDescent="0.25">
      <c r="A43" s="4" t="s">
        <v>206</v>
      </c>
      <c r="B43" s="6" t="s">
        <v>2598</v>
      </c>
      <c r="C43" s="2" t="s">
        <v>64</v>
      </c>
      <c r="D43" s="2" t="s">
        <v>64</v>
      </c>
      <c r="E43" s="2" t="s">
        <v>64</v>
      </c>
      <c r="F43" s="2" t="s">
        <v>64</v>
      </c>
    </row>
    <row r="44" spans="1:8" x14ac:dyDescent="0.25">
      <c r="A44" s="4" t="s">
        <v>214</v>
      </c>
      <c r="B44" s="6" t="s">
        <v>2599</v>
      </c>
      <c r="C44" s="2" t="s">
        <v>64</v>
      </c>
      <c r="D44" s="2" t="s">
        <v>64</v>
      </c>
      <c r="E44" s="2" t="s">
        <v>64</v>
      </c>
      <c r="F44" s="2" t="s">
        <v>64</v>
      </c>
    </row>
    <row r="45" spans="1:8" x14ac:dyDescent="0.25">
      <c r="A45" s="4" t="s">
        <v>222</v>
      </c>
      <c r="B45" s="6" t="s">
        <v>2600</v>
      </c>
      <c r="C45" s="2" t="s">
        <v>2601</v>
      </c>
      <c r="D45" s="2" t="s">
        <v>2602</v>
      </c>
      <c r="E45" s="2" t="s">
        <v>2603</v>
      </c>
      <c r="F45" s="2" t="s">
        <v>2489</v>
      </c>
    </row>
    <row r="47" spans="1:8" x14ac:dyDescent="0.25">
      <c r="A47" s="8" t="s">
        <v>6</v>
      </c>
      <c r="B47" s="8" t="s">
        <v>2604</v>
      </c>
      <c r="C47" s="8" t="s">
        <v>796</v>
      </c>
      <c r="D47" s="8" t="s">
        <v>2605</v>
      </c>
      <c r="E47" s="8" t="s">
        <v>438</v>
      </c>
      <c r="F47" s="8" t="s">
        <v>7</v>
      </c>
      <c r="G47" s="8" t="s">
        <v>442</v>
      </c>
      <c r="H47" s="8" t="s">
        <v>442</v>
      </c>
    </row>
    <row r="48" spans="1:8" ht="21" x14ac:dyDescent="0.25">
      <c r="A48" s="8" t="s">
        <v>7</v>
      </c>
      <c r="B48" s="8" t="s">
        <v>7</v>
      </c>
      <c r="C48" s="8" t="s">
        <v>7</v>
      </c>
      <c r="D48" s="8" t="s">
        <v>7</v>
      </c>
      <c r="E48" s="1" t="s">
        <v>2484</v>
      </c>
      <c r="F48" s="1" t="s">
        <v>2485</v>
      </c>
      <c r="G48" s="1" t="s">
        <v>2484</v>
      </c>
      <c r="H48" s="1" t="s">
        <v>2485</v>
      </c>
    </row>
    <row r="49" spans="1:8" x14ac:dyDescent="0.25">
      <c r="A49" s="5" t="s">
        <v>230</v>
      </c>
      <c r="B49" s="7" t="s">
        <v>2606</v>
      </c>
      <c r="C49" s="3" t="s">
        <v>2607</v>
      </c>
      <c r="D49" s="3" t="s">
        <v>2608</v>
      </c>
      <c r="E49" s="3" t="s">
        <v>2609</v>
      </c>
      <c r="F49" s="3" t="s">
        <v>64</v>
      </c>
      <c r="G49" s="3" t="s">
        <v>2610</v>
      </c>
      <c r="H49" s="3" t="s">
        <v>64</v>
      </c>
    </row>
    <row r="50" spans="1:8" x14ac:dyDescent="0.25">
      <c r="A50" s="4" t="s">
        <v>232</v>
      </c>
      <c r="B50" s="6" t="s">
        <v>2611</v>
      </c>
      <c r="C50" s="2" t="s">
        <v>2612</v>
      </c>
      <c r="D50" s="2" t="s">
        <v>2613</v>
      </c>
      <c r="E50" s="2" t="s">
        <v>2609</v>
      </c>
      <c r="F50" s="2" t="s">
        <v>64</v>
      </c>
      <c r="G50" s="2" t="s">
        <v>2610</v>
      </c>
      <c r="H50" s="2" t="s">
        <v>64</v>
      </c>
    </row>
    <row r="51" spans="1:8" x14ac:dyDescent="0.25">
      <c r="A51" s="4" t="s">
        <v>234</v>
      </c>
      <c r="B51" s="6" t="s">
        <v>2614</v>
      </c>
      <c r="C51" s="2" t="s">
        <v>2615</v>
      </c>
      <c r="D51" s="2" t="s">
        <v>2616</v>
      </c>
      <c r="E51" s="2" t="s">
        <v>64</v>
      </c>
      <c r="F51" s="2" t="s">
        <v>64</v>
      </c>
      <c r="G51" s="2" t="s">
        <v>64</v>
      </c>
      <c r="H51" s="2" t="s">
        <v>64</v>
      </c>
    </row>
    <row r="52" spans="1:8" x14ac:dyDescent="0.25">
      <c r="A52" s="5" t="s">
        <v>243</v>
      </c>
      <c r="B52" s="7" t="s">
        <v>2617</v>
      </c>
      <c r="C52" s="3" t="s">
        <v>2618</v>
      </c>
      <c r="D52" s="3" t="s">
        <v>2619</v>
      </c>
      <c r="E52" s="3" t="s">
        <v>2620</v>
      </c>
      <c r="F52" s="3" t="s">
        <v>2621</v>
      </c>
      <c r="G52" s="3" t="s">
        <v>2622</v>
      </c>
      <c r="H52" s="3" t="s">
        <v>2623</v>
      </c>
    </row>
    <row r="53" spans="1:8" x14ac:dyDescent="0.25">
      <c r="A53" s="5" t="s">
        <v>252</v>
      </c>
      <c r="B53" s="7" t="s">
        <v>2624</v>
      </c>
      <c r="C53" s="3" t="s">
        <v>2625</v>
      </c>
      <c r="D53" s="3" t="s">
        <v>2626</v>
      </c>
      <c r="E53" s="3" t="s">
        <v>2627</v>
      </c>
      <c r="F53" s="3" t="s">
        <v>2628</v>
      </c>
      <c r="G53" s="3" t="s">
        <v>2629</v>
      </c>
      <c r="H53" s="3" t="s">
        <v>2630</v>
      </c>
    </row>
    <row r="54" spans="1:8" x14ac:dyDescent="0.25">
      <c r="A54" s="4" t="s">
        <v>261</v>
      </c>
      <c r="B54" s="6" t="s">
        <v>2631</v>
      </c>
      <c r="C54" s="2" t="s">
        <v>2632</v>
      </c>
      <c r="D54" s="2" t="s">
        <v>2633</v>
      </c>
      <c r="E54" s="2" t="s">
        <v>2634</v>
      </c>
      <c r="F54" s="2" t="s">
        <v>2635</v>
      </c>
      <c r="G54" s="2" t="s">
        <v>2636</v>
      </c>
      <c r="H54" s="2" t="s">
        <v>2637</v>
      </c>
    </row>
    <row r="55" spans="1:8" x14ac:dyDescent="0.25">
      <c r="A55" s="4" t="s">
        <v>263</v>
      </c>
      <c r="B55" s="6" t="s">
        <v>2638</v>
      </c>
      <c r="C55" s="2" t="s">
        <v>2639</v>
      </c>
      <c r="D55" s="2" t="s">
        <v>2640</v>
      </c>
      <c r="E55" s="2" t="s">
        <v>2641</v>
      </c>
      <c r="F55" s="2" t="s">
        <v>2642</v>
      </c>
      <c r="G55" s="2" t="s">
        <v>2643</v>
      </c>
      <c r="H55" s="2" t="s">
        <v>2644</v>
      </c>
    </row>
    <row r="56" spans="1:8" x14ac:dyDescent="0.25">
      <c r="A56" s="4" t="s">
        <v>272</v>
      </c>
      <c r="B56" s="6" t="s">
        <v>2645</v>
      </c>
      <c r="C56" s="2" t="s">
        <v>2646</v>
      </c>
      <c r="D56" s="2" t="s">
        <v>2647</v>
      </c>
      <c r="E56" s="2" t="s">
        <v>2648</v>
      </c>
      <c r="F56" s="2" t="s">
        <v>2649</v>
      </c>
      <c r="G56" s="2" t="s">
        <v>2650</v>
      </c>
      <c r="H56" s="2" t="s">
        <v>2651</v>
      </c>
    </row>
    <row r="57" spans="1:8" x14ac:dyDescent="0.25">
      <c r="A57" s="5" t="s">
        <v>281</v>
      </c>
      <c r="B57" s="7" t="s">
        <v>2652</v>
      </c>
      <c r="C57" s="3" t="s">
        <v>2653</v>
      </c>
      <c r="D57" s="3" t="s">
        <v>2654</v>
      </c>
      <c r="E57" s="3" t="s">
        <v>2655</v>
      </c>
      <c r="F57" s="3" t="s">
        <v>2656</v>
      </c>
      <c r="G57" s="3" t="s">
        <v>2657</v>
      </c>
      <c r="H57" s="3" t="s">
        <v>2658</v>
      </c>
    </row>
    <row r="58" spans="1:8" x14ac:dyDescent="0.25">
      <c r="A58" s="4" t="s">
        <v>289</v>
      </c>
      <c r="B58" s="6" t="s">
        <v>2659</v>
      </c>
      <c r="C58" s="2" t="s">
        <v>2660</v>
      </c>
      <c r="D58" s="2" t="s">
        <v>2661</v>
      </c>
      <c r="E58" s="2" t="s">
        <v>2662</v>
      </c>
      <c r="F58" s="2" t="s">
        <v>64</v>
      </c>
      <c r="G58" s="2" t="s">
        <v>2663</v>
      </c>
      <c r="H58" s="2" t="s">
        <v>64</v>
      </c>
    </row>
    <row r="59" spans="1:8" x14ac:dyDescent="0.25">
      <c r="A59" s="4" t="s">
        <v>295</v>
      </c>
      <c r="B59" s="6" t="s">
        <v>2638</v>
      </c>
      <c r="C59" s="2" t="s">
        <v>2664</v>
      </c>
      <c r="D59" s="2" t="s">
        <v>2665</v>
      </c>
      <c r="E59" s="2" t="s">
        <v>2666</v>
      </c>
      <c r="F59" s="2" t="s">
        <v>2667</v>
      </c>
      <c r="G59" s="2" t="s">
        <v>2668</v>
      </c>
      <c r="H59" s="2" t="s">
        <v>2669</v>
      </c>
    </row>
    <row r="60" spans="1:8" x14ac:dyDescent="0.25">
      <c r="A60" s="4" t="s">
        <v>298</v>
      </c>
      <c r="B60" s="6" t="s">
        <v>2645</v>
      </c>
      <c r="C60" s="2" t="s">
        <v>2670</v>
      </c>
      <c r="D60" s="2" t="s">
        <v>2671</v>
      </c>
      <c r="E60" s="2" t="s">
        <v>2672</v>
      </c>
      <c r="F60" s="2" t="s">
        <v>2673</v>
      </c>
      <c r="G60" s="2" t="s">
        <v>2674</v>
      </c>
      <c r="H60" s="2" t="s">
        <v>2675</v>
      </c>
    </row>
    <row r="61" spans="1:8" x14ac:dyDescent="0.25">
      <c r="A61" s="5" t="s">
        <v>307</v>
      </c>
      <c r="B61" s="7" t="s">
        <v>2676</v>
      </c>
      <c r="C61" s="3" t="s">
        <v>2677</v>
      </c>
      <c r="D61" s="3" t="s">
        <v>2678</v>
      </c>
      <c r="E61" s="3" t="s">
        <v>2679</v>
      </c>
      <c r="F61" s="3" t="s">
        <v>64</v>
      </c>
      <c r="G61" s="3" t="s">
        <v>2679</v>
      </c>
      <c r="H61" s="3" t="s">
        <v>64</v>
      </c>
    </row>
    <row r="62" spans="1:8" x14ac:dyDescent="0.25">
      <c r="A62" s="4" t="s">
        <v>314</v>
      </c>
      <c r="B62" s="6" t="s">
        <v>2680</v>
      </c>
      <c r="C62" s="2" t="s">
        <v>2681</v>
      </c>
      <c r="D62" s="2" t="s">
        <v>2682</v>
      </c>
      <c r="E62" s="2" t="s">
        <v>2679</v>
      </c>
      <c r="F62" s="2" t="s">
        <v>64</v>
      </c>
      <c r="G62" s="2" t="s">
        <v>2679</v>
      </c>
      <c r="H62" s="2" t="s">
        <v>64</v>
      </c>
    </row>
    <row r="63" spans="1:8" x14ac:dyDescent="0.25">
      <c r="A63" s="4" t="s">
        <v>322</v>
      </c>
      <c r="B63" s="6" t="s">
        <v>2683</v>
      </c>
      <c r="C63" s="2" t="s">
        <v>604</v>
      </c>
      <c r="D63" s="2" t="s">
        <v>605</v>
      </c>
      <c r="E63" s="2" t="s">
        <v>64</v>
      </c>
      <c r="F63" s="2" t="s">
        <v>64</v>
      </c>
      <c r="G63" s="2" t="s">
        <v>64</v>
      </c>
      <c r="H63" s="2" t="s">
        <v>64</v>
      </c>
    </row>
    <row r="64" spans="1:8" x14ac:dyDescent="0.25">
      <c r="A64" s="5" t="s">
        <v>324</v>
      </c>
      <c r="B64" s="7" t="s">
        <v>2684</v>
      </c>
      <c r="C64" s="3" t="s">
        <v>2685</v>
      </c>
      <c r="D64" s="3" t="s">
        <v>2686</v>
      </c>
      <c r="E64" s="3" t="s">
        <v>2687</v>
      </c>
      <c r="F64" s="3" t="s">
        <v>2621</v>
      </c>
      <c r="G64" s="3" t="s">
        <v>2688</v>
      </c>
      <c r="H64" s="3" t="s">
        <v>2623</v>
      </c>
    </row>
    <row r="66" spans="1:8" x14ac:dyDescent="0.25">
      <c r="A66" s="8" t="s">
        <v>6</v>
      </c>
      <c r="B66" s="8" t="s">
        <v>2689</v>
      </c>
      <c r="C66" s="8" t="s">
        <v>796</v>
      </c>
      <c r="D66" s="8" t="s">
        <v>2605</v>
      </c>
      <c r="E66" s="8" t="s">
        <v>438</v>
      </c>
      <c r="F66" s="8" t="s">
        <v>7</v>
      </c>
      <c r="G66" s="8" t="s">
        <v>442</v>
      </c>
      <c r="H66" s="8" t="s">
        <v>442</v>
      </c>
    </row>
    <row r="67" spans="1:8" ht="21" x14ac:dyDescent="0.25">
      <c r="A67" s="8" t="s">
        <v>7</v>
      </c>
      <c r="B67" s="8" t="s">
        <v>7</v>
      </c>
      <c r="C67" s="8" t="s">
        <v>7</v>
      </c>
      <c r="D67" s="8" t="s">
        <v>7</v>
      </c>
      <c r="E67" s="1" t="s">
        <v>2484</v>
      </c>
      <c r="F67" s="1" t="s">
        <v>2485</v>
      </c>
      <c r="G67" s="1" t="s">
        <v>2484</v>
      </c>
      <c r="H67" s="1" t="s">
        <v>2485</v>
      </c>
    </row>
    <row r="68" spans="1:8" x14ac:dyDescent="0.25">
      <c r="A68" s="4" t="s">
        <v>333</v>
      </c>
      <c r="B68" s="6" t="s">
        <v>2690</v>
      </c>
      <c r="C68" s="2" t="s">
        <v>2691</v>
      </c>
      <c r="D68" s="2" t="s">
        <v>2692</v>
      </c>
      <c r="E68" s="2" t="s">
        <v>2693</v>
      </c>
      <c r="F68" s="2" t="s">
        <v>2694</v>
      </c>
      <c r="G68" s="2" t="s">
        <v>2695</v>
      </c>
      <c r="H68" s="2" t="s">
        <v>2696</v>
      </c>
    </row>
    <row r="70" spans="1:8" x14ac:dyDescent="0.25">
      <c r="A70" s="8" t="s">
        <v>6</v>
      </c>
      <c r="B70" s="8" t="s">
        <v>2697</v>
      </c>
      <c r="C70" s="8" t="s">
        <v>2698</v>
      </c>
    </row>
    <row r="71" spans="1:8" x14ac:dyDescent="0.25">
      <c r="A71" s="8" t="s">
        <v>7</v>
      </c>
      <c r="B71" s="8" t="s">
        <v>7</v>
      </c>
      <c r="C71" s="8" t="s">
        <v>7</v>
      </c>
    </row>
    <row r="72" spans="1:8" x14ac:dyDescent="0.25">
      <c r="A72" s="4" t="s">
        <v>342</v>
      </c>
      <c r="B72" s="6" t="s">
        <v>2699</v>
      </c>
      <c r="C72" s="2" t="s">
        <v>64</v>
      </c>
    </row>
    <row r="74" spans="1:8" x14ac:dyDescent="0.25">
      <c r="A74" s="8" t="s">
        <v>6</v>
      </c>
      <c r="B74" s="8" t="s">
        <v>2700</v>
      </c>
      <c r="C74" s="8" t="s">
        <v>2698</v>
      </c>
    </row>
    <row r="75" spans="1:8" x14ac:dyDescent="0.25">
      <c r="A75" s="8" t="s">
        <v>7</v>
      </c>
      <c r="B75" s="8" t="s">
        <v>7</v>
      </c>
      <c r="C75" s="8" t="s">
        <v>7</v>
      </c>
    </row>
    <row r="76" spans="1:8" x14ac:dyDescent="0.25">
      <c r="A76" s="4" t="s">
        <v>350</v>
      </c>
      <c r="B76" s="6" t="s">
        <v>2699</v>
      </c>
      <c r="C76" s="2" t="s">
        <v>604</v>
      </c>
    </row>
    <row r="78" spans="1:8" x14ac:dyDescent="0.25">
      <c r="A78" s="8" t="s">
        <v>6</v>
      </c>
      <c r="B78" s="8" t="s">
        <v>2701</v>
      </c>
      <c r="C78" s="8" t="s">
        <v>2702</v>
      </c>
    </row>
    <row r="79" spans="1:8" x14ac:dyDescent="0.25">
      <c r="A79" s="8" t="s">
        <v>7</v>
      </c>
      <c r="B79" s="8" t="s">
        <v>7</v>
      </c>
      <c r="C79" s="8" t="s">
        <v>7</v>
      </c>
    </row>
    <row r="80" spans="1:8" x14ac:dyDescent="0.25">
      <c r="A80" s="4" t="s">
        <v>358</v>
      </c>
      <c r="B80" s="6" t="s">
        <v>2703</v>
      </c>
      <c r="C80" s="2" t="s">
        <v>64</v>
      </c>
    </row>
    <row r="81" spans="1:6" x14ac:dyDescent="0.25">
      <c r="A81" s="4" t="s">
        <v>362</v>
      </c>
      <c r="B81" s="6" t="s">
        <v>2704</v>
      </c>
      <c r="C81" s="2" t="s">
        <v>64</v>
      </c>
    </row>
    <row r="82" spans="1:6" x14ac:dyDescent="0.25">
      <c r="A82" s="4" t="s">
        <v>369</v>
      </c>
      <c r="B82" s="6" t="s">
        <v>2705</v>
      </c>
      <c r="C82" s="2" t="s">
        <v>64</v>
      </c>
    </row>
    <row r="83" spans="1:6" x14ac:dyDescent="0.25">
      <c r="A83" s="4" t="s">
        <v>370</v>
      </c>
      <c r="B83" s="6" t="s">
        <v>2706</v>
      </c>
      <c r="C83" s="2" t="s">
        <v>2707</v>
      </c>
    </row>
    <row r="85" spans="1:6" x14ac:dyDescent="0.25">
      <c r="A85" s="8" t="s">
        <v>6</v>
      </c>
      <c r="B85" s="8" t="s">
        <v>2708</v>
      </c>
      <c r="C85" s="8" t="s">
        <v>2709</v>
      </c>
      <c r="D85" s="8" t="s">
        <v>2709</v>
      </c>
    </row>
    <row r="86" spans="1:6" x14ac:dyDescent="0.25">
      <c r="A86" s="8" t="s">
        <v>7</v>
      </c>
      <c r="B86" s="8" t="s">
        <v>7</v>
      </c>
      <c r="C86" s="1" t="s">
        <v>2710</v>
      </c>
      <c r="D86" s="1" t="s">
        <v>2711</v>
      </c>
    </row>
    <row r="87" spans="1:6" x14ac:dyDescent="0.25">
      <c r="A87" s="4" t="s">
        <v>372</v>
      </c>
      <c r="B87" s="6" t="s">
        <v>2712</v>
      </c>
      <c r="C87" s="2" t="s">
        <v>2713</v>
      </c>
      <c r="D87" s="2" t="s">
        <v>2714</v>
      </c>
    </row>
    <row r="88" spans="1:6" x14ac:dyDescent="0.25">
      <c r="A88" s="4" t="s">
        <v>374</v>
      </c>
      <c r="B88" s="6" t="s">
        <v>2715</v>
      </c>
      <c r="C88" s="2" t="s">
        <v>2716</v>
      </c>
      <c r="D88" s="2" t="s">
        <v>2717</v>
      </c>
    </row>
    <row r="89" spans="1:6" x14ac:dyDescent="0.25">
      <c r="A89" s="4" t="s">
        <v>375</v>
      </c>
      <c r="B89" s="6" t="s">
        <v>2718</v>
      </c>
      <c r="C89" s="2" t="s">
        <v>64</v>
      </c>
      <c r="D89" s="2" t="s">
        <v>2719</v>
      </c>
    </row>
    <row r="91" spans="1:6" x14ac:dyDescent="0.25">
      <c r="A91" s="8" t="s">
        <v>6</v>
      </c>
      <c r="B91" s="8" t="s">
        <v>2720</v>
      </c>
      <c r="C91" s="8" t="s">
        <v>9</v>
      </c>
      <c r="D91" s="8" t="s">
        <v>2133</v>
      </c>
      <c r="E91" s="8" t="s">
        <v>11</v>
      </c>
      <c r="F91" s="8" t="s">
        <v>11</v>
      </c>
    </row>
    <row r="92" spans="1:6" ht="21" x14ac:dyDescent="0.25">
      <c r="A92" s="8" t="s">
        <v>7</v>
      </c>
      <c r="B92" s="8" t="s">
        <v>7</v>
      </c>
      <c r="C92" s="8" t="s">
        <v>7</v>
      </c>
      <c r="D92" s="8" t="s">
        <v>7</v>
      </c>
      <c r="E92" s="1" t="s">
        <v>2484</v>
      </c>
      <c r="F92" s="1" t="s">
        <v>2485</v>
      </c>
    </row>
    <row r="93" spans="1:6" x14ac:dyDescent="0.25">
      <c r="A93" s="5" t="s">
        <v>381</v>
      </c>
      <c r="B93" s="7" t="s">
        <v>2721</v>
      </c>
      <c r="C93" s="3" t="s">
        <v>64</v>
      </c>
      <c r="D93" s="3" t="s">
        <v>64</v>
      </c>
      <c r="E93" s="3" t="s">
        <v>64</v>
      </c>
      <c r="F93" s="3" t="s">
        <v>2722</v>
      </c>
    </row>
    <row r="94" spans="1:6" x14ac:dyDescent="0.25">
      <c r="A94" s="5" t="s">
        <v>383</v>
      </c>
      <c r="B94" s="7" t="s">
        <v>2723</v>
      </c>
      <c r="C94" s="3" t="s">
        <v>64</v>
      </c>
      <c r="D94" s="3" t="s">
        <v>64</v>
      </c>
      <c r="E94" s="3" t="s">
        <v>64</v>
      </c>
      <c r="F94" s="3" t="s">
        <v>2724</v>
      </c>
    </row>
    <row r="95" spans="1:6" x14ac:dyDescent="0.25">
      <c r="A95" s="5" t="s">
        <v>385</v>
      </c>
      <c r="B95" s="7" t="s">
        <v>2725</v>
      </c>
      <c r="C95" s="3" t="s">
        <v>64</v>
      </c>
      <c r="D95" s="3" t="s">
        <v>64</v>
      </c>
      <c r="E95" s="3" t="s">
        <v>64</v>
      </c>
      <c r="F95" s="3" t="s">
        <v>2726</v>
      </c>
    </row>
    <row r="96" spans="1:6" x14ac:dyDescent="0.25">
      <c r="A96" s="4" t="s">
        <v>387</v>
      </c>
      <c r="B96" s="6" t="s">
        <v>2727</v>
      </c>
      <c r="C96" s="2" t="s">
        <v>64</v>
      </c>
      <c r="D96" s="2" t="s">
        <v>64</v>
      </c>
      <c r="E96" s="2" t="s">
        <v>64</v>
      </c>
      <c r="F96" s="2" t="s">
        <v>2728</v>
      </c>
    </row>
    <row r="97" spans="1:6" x14ac:dyDescent="0.25">
      <c r="A97" s="4" t="s">
        <v>389</v>
      </c>
      <c r="B97" s="6" t="s">
        <v>2729</v>
      </c>
      <c r="C97" s="2" t="s">
        <v>64</v>
      </c>
      <c r="D97" s="2" t="s">
        <v>64</v>
      </c>
      <c r="E97" s="2" t="s">
        <v>64</v>
      </c>
      <c r="F97" s="2" t="s">
        <v>2730</v>
      </c>
    </row>
    <row r="98" spans="1:6" x14ac:dyDescent="0.25">
      <c r="A98" s="4" t="s">
        <v>398</v>
      </c>
      <c r="B98" s="6" t="s">
        <v>2731</v>
      </c>
      <c r="C98" s="2" t="s">
        <v>64</v>
      </c>
      <c r="D98" s="2" t="s">
        <v>64</v>
      </c>
      <c r="E98" s="2" t="s">
        <v>64</v>
      </c>
      <c r="F98" s="2" t="s">
        <v>2732</v>
      </c>
    </row>
    <row r="99" spans="1:6" x14ac:dyDescent="0.25">
      <c r="A99" s="5" t="s">
        <v>407</v>
      </c>
      <c r="B99" s="7" t="s">
        <v>2733</v>
      </c>
      <c r="C99" s="3" t="s">
        <v>64</v>
      </c>
      <c r="D99" s="3" t="s">
        <v>64</v>
      </c>
      <c r="E99" s="3" t="s">
        <v>64</v>
      </c>
      <c r="F99" s="3" t="s">
        <v>2734</v>
      </c>
    </row>
    <row r="100" spans="1:6" x14ac:dyDescent="0.25">
      <c r="A100" s="4" t="s">
        <v>409</v>
      </c>
      <c r="B100" s="6" t="s">
        <v>2727</v>
      </c>
      <c r="C100" s="2" t="s">
        <v>64</v>
      </c>
      <c r="D100" s="2" t="s">
        <v>64</v>
      </c>
      <c r="E100" s="2" t="s">
        <v>64</v>
      </c>
      <c r="F100" s="2" t="s">
        <v>2735</v>
      </c>
    </row>
    <row r="101" spans="1:6" x14ac:dyDescent="0.25">
      <c r="A101" s="4" t="s">
        <v>411</v>
      </c>
      <c r="B101" s="6" t="s">
        <v>2729</v>
      </c>
      <c r="C101" s="2" t="s">
        <v>64</v>
      </c>
      <c r="D101" s="2" t="s">
        <v>64</v>
      </c>
      <c r="E101" s="2" t="s">
        <v>64</v>
      </c>
      <c r="F101" s="2" t="s">
        <v>2736</v>
      </c>
    </row>
    <row r="102" spans="1:6" x14ac:dyDescent="0.25">
      <c r="A102" s="4" t="s">
        <v>413</v>
      </c>
      <c r="B102" s="6" t="s">
        <v>2731</v>
      </c>
      <c r="C102" s="2" t="s">
        <v>64</v>
      </c>
      <c r="D102" s="2" t="s">
        <v>64</v>
      </c>
      <c r="E102" s="2" t="s">
        <v>64</v>
      </c>
      <c r="F102" s="2" t="s">
        <v>2737</v>
      </c>
    </row>
    <row r="103" spans="1:6" x14ac:dyDescent="0.25">
      <c r="A103" s="5" t="s">
        <v>415</v>
      </c>
      <c r="B103" s="7" t="s">
        <v>2738</v>
      </c>
      <c r="C103" s="3" t="s">
        <v>64</v>
      </c>
      <c r="D103" s="3" t="s">
        <v>64</v>
      </c>
      <c r="E103" s="3" t="s">
        <v>64</v>
      </c>
      <c r="F103" s="3" t="s">
        <v>2739</v>
      </c>
    </row>
    <row r="104" spans="1:6" x14ac:dyDescent="0.25">
      <c r="A104" s="5" t="s">
        <v>417</v>
      </c>
      <c r="B104" s="7" t="s">
        <v>2725</v>
      </c>
      <c r="C104" s="3" t="s">
        <v>64</v>
      </c>
      <c r="D104" s="3" t="s">
        <v>64</v>
      </c>
      <c r="E104" s="3" t="s">
        <v>64</v>
      </c>
      <c r="F104" s="3" t="s">
        <v>2740</v>
      </c>
    </row>
    <row r="105" spans="1:6" x14ac:dyDescent="0.25">
      <c r="A105" s="4" t="s">
        <v>418</v>
      </c>
      <c r="B105" s="6" t="s">
        <v>2727</v>
      </c>
      <c r="C105" s="2" t="s">
        <v>64</v>
      </c>
      <c r="D105" s="2" t="s">
        <v>64</v>
      </c>
      <c r="E105" s="2" t="s">
        <v>64</v>
      </c>
      <c r="F105" s="2" t="s">
        <v>2741</v>
      </c>
    </row>
    <row r="106" spans="1:6" x14ac:dyDescent="0.25">
      <c r="A106" s="4" t="s">
        <v>419</v>
      </c>
      <c r="B106" s="6" t="s">
        <v>2729</v>
      </c>
      <c r="C106" s="2" t="s">
        <v>64</v>
      </c>
      <c r="D106" s="2" t="s">
        <v>64</v>
      </c>
      <c r="E106" s="2" t="s">
        <v>64</v>
      </c>
      <c r="F106" s="2" t="s">
        <v>2742</v>
      </c>
    </row>
    <row r="107" spans="1:6" x14ac:dyDescent="0.25">
      <c r="A107" s="4" t="s">
        <v>421</v>
      </c>
      <c r="B107" s="6" t="s">
        <v>2731</v>
      </c>
      <c r="C107" s="2" t="s">
        <v>64</v>
      </c>
      <c r="D107" s="2" t="s">
        <v>64</v>
      </c>
      <c r="E107" s="2" t="s">
        <v>64</v>
      </c>
      <c r="F107" s="2" t="s">
        <v>2743</v>
      </c>
    </row>
    <row r="108" spans="1:6" x14ac:dyDescent="0.25">
      <c r="A108" s="5" t="s">
        <v>423</v>
      </c>
      <c r="B108" s="7" t="s">
        <v>2733</v>
      </c>
      <c r="C108" s="3" t="s">
        <v>64</v>
      </c>
      <c r="D108" s="3" t="s">
        <v>64</v>
      </c>
      <c r="E108" s="3" t="s">
        <v>64</v>
      </c>
      <c r="F108" s="3" t="s">
        <v>2744</v>
      </c>
    </row>
    <row r="109" spans="1:6" x14ac:dyDescent="0.25">
      <c r="A109" s="4" t="s">
        <v>425</v>
      </c>
      <c r="B109" s="6" t="s">
        <v>2727</v>
      </c>
      <c r="C109" s="2" t="s">
        <v>64</v>
      </c>
      <c r="D109" s="2" t="s">
        <v>64</v>
      </c>
      <c r="E109" s="2" t="s">
        <v>64</v>
      </c>
      <c r="F109" s="2" t="s">
        <v>2745</v>
      </c>
    </row>
    <row r="110" spans="1:6" x14ac:dyDescent="0.25">
      <c r="A110" s="4" t="s">
        <v>429</v>
      </c>
      <c r="B110" s="6" t="s">
        <v>2729</v>
      </c>
      <c r="C110" s="2" t="s">
        <v>64</v>
      </c>
      <c r="D110" s="2" t="s">
        <v>64</v>
      </c>
      <c r="E110" s="2" t="s">
        <v>64</v>
      </c>
      <c r="F110" s="2" t="s">
        <v>2746</v>
      </c>
    </row>
    <row r="111" spans="1:6" x14ac:dyDescent="0.25">
      <c r="A111" s="4" t="s">
        <v>431</v>
      </c>
      <c r="B111" s="6" t="s">
        <v>2731</v>
      </c>
      <c r="C111" s="2" t="s">
        <v>64</v>
      </c>
      <c r="D111" s="2" t="s">
        <v>64</v>
      </c>
      <c r="E111" s="2" t="s">
        <v>64</v>
      </c>
      <c r="F111" s="2" t="s">
        <v>2747</v>
      </c>
    </row>
    <row r="112" spans="1:6" x14ac:dyDescent="0.25">
      <c r="A112" s="4" t="s">
        <v>433</v>
      </c>
      <c r="B112" s="6" t="s">
        <v>2748</v>
      </c>
      <c r="C112" s="2" t="s">
        <v>64</v>
      </c>
      <c r="D112" s="2" t="s">
        <v>64</v>
      </c>
      <c r="E112" s="2" t="s">
        <v>64</v>
      </c>
      <c r="F112" s="2" t="s">
        <v>64</v>
      </c>
    </row>
    <row r="113" spans="1:8" x14ac:dyDescent="0.25">
      <c r="A113" s="5" t="s">
        <v>446</v>
      </c>
      <c r="B113" s="7" t="s">
        <v>2749</v>
      </c>
      <c r="C113" s="3" t="s">
        <v>64</v>
      </c>
      <c r="D113" s="3" t="s">
        <v>64</v>
      </c>
      <c r="E113" s="3" t="s">
        <v>64</v>
      </c>
      <c r="F113" s="3" t="s">
        <v>2750</v>
      </c>
    </row>
    <row r="114" spans="1:8" x14ac:dyDescent="0.25">
      <c r="A114" s="4" t="s">
        <v>457</v>
      </c>
      <c r="B114" s="6" t="s">
        <v>2751</v>
      </c>
      <c r="C114" s="2" t="s">
        <v>64</v>
      </c>
      <c r="D114" s="2" t="s">
        <v>64</v>
      </c>
      <c r="E114" s="2" t="s">
        <v>64</v>
      </c>
      <c r="F114" s="2" t="s">
        <v>2752</v>
      </c>
    </row>
    <row r="115" spans="1:8" x14ac:dyDescent="0.25">
      <c r="A115" s="4" t="s">
        <v>468</v>
      </c>
      <c r="B115" s="6" t="s">
        <v>2753</v>
      </c>
      <c r="C115" s="2" t="s">
        <v>64</v>
      </c>
      <c r="D115" s="2" t="s">
        <v>64</v>
      </c>
      <c r="E115" s="2" t="s">
        <v>64</v>
      </c>
      <c r="F115" s="2" t="s">
        <v>2754</v>
      </c>
    </row>
    <row r="116" spans="1:8" x14ac:dyDescent="0.25">
      <c r="A116" s="4" t="s">
        <v>479</v>
      </c>
      <c r="B116" s="6" t="s">
        <v>2279</v>
      </c>
      <c r="C116" s="2" t="s">
        <v>64</v>
      </c>
      <c r="D116" s="2" t="s">
        <v>64</v>
      </c>
      <c r="E116" s="2" t="s">
        <v>64</v>
      </c>
      <c r="F116" s="2" t="s">
        <v>64</v>
      </c>
    </row>
    <row r="117" spans="1:8" x14ac:dyDescent="0.25">
      <c r="A117" s="4" t="s">
        <v>489</v>
      </c>
      <c r="B117" s="6" t="s">
        <v>2755</v>
      </c>
      <c r="C117" s="2" t="s">
        <v>64</v>
      </c>
      <c r="D117" s="2" t="s">
        <v>64</v>
      </c>
      <c r="E117" s="2" t="s">
        <v>64</v>
      </c>
      <c r="F117" s="2" t="s">
        <v>64</v>
      </c>
    </row>
    <row r="118" spans="1:8" x14ac:dyDescent="0.25">
      <c r="A118" s="5" t="s">
        <v>500</v>
      </c>
      <c r="B118" s="7" t="s">
        <v>2756</v>
      </c>
      <c r="C118" s="3" t="s">
        <v>64</v>
      </c>
      <c r="D118" s="3" t="s">
        <v>64</v>
      </c>
      <c r="E118" s="3" t="s">
        <v>64</v>
      </c>
      <c r="F118" s="3" t="s">
        <v>2757</v>
      </c>
    </row>
    <row r="119" spans="1:8" x14ac:dyDescent="0.25">
      <c r="A119" s="4" t="s">
        <v>508</v>
      </c>
      <c r="B119" s="6" t="s">
        <v>2758</v>
      </c>
      <c r="C119" s="2" t="s">
        <v>64</v>
      </c>
      <c r="D119" s="2" t="s">
        <v>64</v>
      </c>
      <c r="E119" s="2" t="s">
        <v>64</v>
      </c>
      <c r="F119" s="2" t="s">
        <v>2759</v>
      </c>
    </row>
    <row r="120" spans="1:8" x14ac:dyDescent="0.25">
      <c r="A120" s="4" t="s">
        <v>518</v>
      </c>
      <c r="B120" s="6" t="s">
        <v>715</v>
      </c>
      <c r="C120" s="2" t="s">
        <v>64</v>
      </c>
      <c r="D120" s="2" t="s">
        <v>64</v>
      </c>
      <c r="E120" s="2" t="s">
        <v>64</v>
      </c>
      <c r="F120" s="2" t="s">
        <v>2760</v>
      </c>
    </row>
    <row r="121" spans="1:8" x14ac:dyDescent="0.25">
      <c r="A121" s="5" t="s">
        <v>529</v>
      </c>
      <c r="B121" s="7" t="s">
        <v>2761</v>
      </c>
      <c r="C121" s="3" t="s">
        <v>64</v>
      </c>
      <c r="D121" s="3" t="s">
        <v>64</v>
      </c>
      <c r="E121" s="3" t="s">
        <v>64</v>
      </c>
      <c r="F121" s="3" t="s">
        <v>64</v>
      </c>
    </row>
    <row r="122" spans="1:8" x14ac:dyDescent="0.25">
      <c r="A122" s="4" t="s">
        <v>540</v>
      </c>
      <c r="B122" s="6" t="s">
        <v>2762</v>
      </c>
      <c r="C122" s="2" t="s">
        <v>64</v>
      </c>
      <c r="D122" s="2" t="s">
        <v>64</v>
      </c>
      <c r="E122" s="2" t="s">
        <v>64</v>
      </c>
      <c r="F122" s="2" t="s">
        <v>64</v>
      </c>
    </row>
    <row r="123" spans="1:8" x14ac:dyDescent="0.25">
      <c r="A123" s="4" t="s">
        <v>546</v>
      </c>
      <c r="B123" s="6" t="s">
        <v>2763</v>
      </c>
      <c r="C123" s="2" t="s">
        <v>64</v>
      </c>
      <c r="D123" s="2" t="s">
        <v>64</v>
      </c>
      <c r="E123" s="2" t="s">
        <v>64</v>
      </c>
      <c r="F123" s="2" t="s">
        <v>64</v>
      </c>
    </row>
    <row r="124" spans="1:8" x14ac:dyDescent="0.25">
      <c r="A124" s="4" t="s">
        <v>556</v>
      </c>
      <c r="B124" s="6" t="s">
        <v>2764</v>
      </c>
      <c r="C124" s="2" t="s">
        <v>64</v>
      </c>
      <c r="D124" s="2" t="s">
        <v>64</v>
      </c>
      <c r="E124" s="2" t="s">
        <v>64</v>
      </c>
      <c r="F124" s="2" t="s">
        <v>64</v>
      </c>
    </row>
    <row r="125" spans="1:8" x14ac:dyDescent="0.25">
      <c r="A125" s="5" t="s">
        <v>560</v>
      </c>
      <c r="B125" s="7" t="s">
        <v>2765</v>
      </c>
      <c r="C125" s="3" t="s">
        <v>64</v>
      </c>
      <c r="D125" s="3" t="s">
        <v>64</v>
      </c>
      <c r="E125" s="3" t="s">
        <v>64</v>
      </c>
      <c r="F125" s="3" t="s">
        <v>2722</v>
      </c>
    </row>
    <row r="127" spans="1:8" x14ac:dyDescent="0.25">
      <c r="A127" s="8" t="s">
        <v>6</v>
      </c>
      <c r="B127" s="8" t="s">
        <v>2766</v>
      </c>
      <c r="C127" s="8" t="s">
        <v>796</v>
      </c>
      <c r="D127" s="8" t="s">
        <v>2605</v>
      </c>
      <c r="E127" s="8" t="s">
        <v>438</v>
      </c>
      <c r="F127" s="8" t="s">
        <v>7</v>
      </c>
      <c r="G127" s="8" t="s">
        <v>442</v>
      </c>
      <c r="H127" s="8" t="s">
        <v>442</v>
      </c>
    </row>
    <row r="128" spans="1:8" ht="21" x14ac:dyDescent="0.25">
      <c r="A128" s="8" t="s">
        <v>7</v>
      </c>
      <c r="B128" s="8" t="s">
        <v>7</v>
      </c>
      <c r="C128" s="8" t="s">
        <v>7</v>
      </c>
      <c r="D128" s="8" t="s">
        <v>7</v>
      </c>
      <c r="E128" s="1" t="s">
        <v>2484</v>
      </c>
      <c r="F128" s="1" t="s">
        <v>2485</v>
      </c>
      <c r="G128" s="1" t="s">
        <v>2484</v>
      </c>
      <c r="H128" s="1" t="s">
        <v>2485</v>
      </c>
    </row>
    <row r="129" spans="1:8" x14ac:dyDescent="0.25">
      <c r="A129" s="5" t="s">
        <v>571</v>
      </c>
      <c r="B129" s="7" t="s">
        <v>2767</v>
      </c>
      <c r="C129" s="3" t="s">
        <v>64</v>
      </c>
      <c r="D129" s="3" t="s">
        <v>64</v>
      </c>
      <c r="E129" s="3" t="s">
        <v>64</v>
      </c>
      <c r="F129" s="3" t="s">
        <v>2768</v>
      </c>
      <c r="G129" s="3" t="s">
        <v>64</v>
      </c>
      <c r="H129" s="3" t="s">
        <v>2769</v>
      </c>
    </row>
    <row r="130" spans="1:8" x14ac:dyDescent="0.25">
      <c r="A130" s="4" t="s">
        <v>582</v>
      </c>
      <c r="B130" s="6" t="s">
        <v>2611</v>
      </c>
      <c r="C130" s="2" t="s">
        <v>64</v>
      </c>
      <c r="D130" s="2" t="s">
        <v>64</v>
      </c>
      <c r="E130" s="2" t="s">
        <v>64</v>
      </c>
      <c r="F130" s="2" t="s">
        <v>2770</v>
      </c>
      <c r="G130" s="2" t="s">
        <v>64</v>
      </c>
      <c r="H130" s="2" t="s">
        <v>2771</v>
      </c>
    </row>
    <row r="131" spans="1:8" x14ac:dyDescent="0.25">
      <c r="A131" s="4" t="s">
        <v>584</v>
      </c>
      <c r="B131" s="6" t="s">
        <v>2614</v>
      </c>
      <c r="C131" s="2" t="s">
        <v>64</v>
      </c>
      <c r="D131" s="2" t="s">
        <v>64</v>
      </c>
      <c r="E131" s="2" t="s">
        <v>64</v>
      </c>
      <c r="F131" s="2" t="s">
        <v>2772</v>
      </c>
      <c r="G131" s="2" t="s">
        <v>64</v>
      </c>
      <c r="H131" s="2" t="s">
        <v>2772</v>
      </c>
    </row>
    <row r="132" spans="1:8" x14ac:dyDescent="0.25">
      <c r="A132" s="5" t="s">
        <v>586</v>
      </c>
      <c r="B132" s="7" t="s">
        <v>2773</v>
      </c>
      <c r="C132" s="3" t="s">
        <v>64</v>
      </c>
      <c r="D132" s="3" t="s">
        <v>64</v>
      </c>
      <c r="E132" s="3" t="s">
        <v>64</v>
      </c>
      <c r="F132" s="3" t="s">
        <v>2774</v>
      </c>
      <c r="G132" s="3" t="s">
        <v>64</v>
      </c>
      <c r="H132" s="3" t="s">
        <v>2775</v>
      </c>
    </row>
    <row r="133" spans="1:8" x14ac:dyDescent="0.25">
      <c r="A133" s="5" t="s">
        <v>588</v>
      </c>
      <c r="B133" s="7" t="s">
        <v>2624</v>
      </c>
      <c r="C133" s="3" t="s">
        <v>64</v>
      </c>
      <c r="D133" s="3" t="s">
        <v>64</v>
      </c>
      <c r="E133" s="3" t="s">
        <v>64</v>
      </c>
      <c r="F133" s="3" t="s">
        <v>2776</v>
      </c>
      <c r="G133" s="3" t="s">
        <v>64</v>
      </c>
      <c r="H133" s="3" t="s">
        <v>2777</v>
      </c>
    </row>
    <row r="134" spans="1:8" x14ac:dyDescent="0.25">
      <c r="A134" s="4" t="s">
        <v>590</v>
      </c>
      <c r="B134" s="6" t="s">
        <v>2631</v>
      </c>
      <c r="C134" s="2" t="s">
        <v>64</v>
      </c>
      <c r="D134" s="2" t="s">
        <v>64</v>
      </c>
      <c r="E134" s="2" t="s">
        <v>64</v>
      </c>
      <c r="F134" s="2" t="s">
        <v>2778</v>
      </c>
      <c r="G134" s="2" t="s">
        <v>64</v>
      </c>
      <c r="H134" s="2" t="s">
        <v>2779</v>
      </c>
    </row>
    <row r="135" spans="1:8" x14ac:dyDescent="0.25">
      <c r="A135" s="4" t="s">
        <v>592</v>
      </c>
      <c r="B135" s="6" t="s">
        <v>2638</v>
      </c>
      <c r="C135" s="2" t="s">
        <v>64</v>
      </c>
      <c r="D135" s="2" t="s">
        <v>64</v>
      </c>
      <c r="E135" s="2" t="s">
        <v>64</v>
      </c>
      <c r="F135" s="2" t="s">
        <v>2780</v>
      </c>
      <c r="G135" s="2" t="s">
        <v>64</v>
      </c>
      <c r="H135" s="2" t="s">
        <v>2781</v>
      </c>
    </row>
    <row r="136" spans="1:8" x14ac:dyDescent="0.25">
      <c r="A136" s="4" t="s">
        <v>593</v>
      </c>
      <c r="B136" s="6" t="s">
        <v>2645</v>
      </c>
      <c r="C136" s="2" t="s">
        <v>64</v>
      </c>
      <c r="D136" s="2" t="s">
        <v>64</v>
      </c>
      <c r="E136" s="2" t="s">
        <v>64</v>
      </c>
      <c r="F136" s="2" t="s">
        <v>2782</v>
      </c>
      <c r="G136" s="2" t="s">
        <v>64</v>
      </c>
      <c r="H136" s="2" t="s">
        <v>2783</v>
      </c>
    </row>
    <row r="137" spans="1:8" x14ac:dyDescent="0.25">
      <c r="A137" s="5" t="s">
        <v>594</v>
      </c>
      <c r="B137" s="7" t="s">
        <v>2652</v>
      </c>
      <c r="C137" s="3" t="s">
        <v>64</v>
      </c>
      <c r="D137" s="3" t="s">
        <v>64</v>
      </c>
      <c r="E137" s="3" t="s">
        <v>64</v>
      </c>
      <c r="F137" s="3" t="s">
        <v>2784</v>
      </c>
      <c r="G137" s="3" t="s">
        <v>64</v>
      </c>
      <c r="H137" s="3" t="s">
        <v>2785</v>
      </c>
    </row>
    <row r="138" spans="1:8" x14ac:dyDescent="0.25">
      <c r="A138" s="4" t="s">
        <v>596</v>
      </c>
      <c r="B138" s="6" t="s">
        <v>2659</v>
      </c>
      <c r="C138" s="2" t="s">
        <v>64</v>
      </c>
      <c r="D138" s="2" t="s">
        <v>64</v>
      </c>
      <c r="E138" s="2" t="s">
        <v>64</v>
      </c>
      <c r="F138" s="2" t="s">
        <v>2786</v>
      </c>
      <c r="G138" s="2" t="s">
        <v>64</v>
      </c>
      <c r="H138" s="2" t="s">
        <v>2787</v>
      </c>
    </row>
    <row r="139" spans="1:8" x14ac:dyDescent="0.25">
      <c r="A139" s="4" t="s">
        <v>600</v>
      </c>
      <c r="B139" s="6" t="s">
        <v>2638</v>
      </c>
      <c r="C139" s="2" t="s">
        <v>64</v>
      </c>
      <c r="D139" s="2" t="s">
        <v>64</v>
      </c>
      <c r="E139" s="2" t="s">
        <v>64</v>
      </c>
      <c r="F139" s="2" t="s">
        <v>2788</v>
      </c>
      <c r="G139" s="2" t="s">
        <v>64</v>
      </c>
      <c r="H139" s="2" t="s">
        <v>2789</v>
      </c>
    </row>
    <row r="140" spans="1:8" x14ac:dyDescent="0.25">
      <c r="A140" s="4" t="s">
        <v>602</v>
      </c>
      <c r="B140" s="6" t="s">
        <v>2645</v>
      </c>
      <c r="C140" s="2" t="s">
        <v>64</v>
      </c>
      <c r="D140" s="2" t="s">
        <v>64</v>
      </c>
      <c r="E140" s="2" t="s">
        <v>64</v>
      </c>
      <c r="F140" s="2" t="s">
        <v>2790</v>
      </c>
      <c r="G140" s="2" t="s">
        <v>64</v>
      </c>
      <c r="H140" s="2" t="s">
        <v>2791</v>
      </c>
    </row>
    <row r="141" spans="1:8" x14ac:dyDescent="0.25">
      <c r="A141" s="5" t="s">
        <v>607</v>
      </c>
      <c r="B141" s="7" t="s">
        <v>2676</v>
      </c>
      <c r="C141" s="3" t="s">
        <v>64</v>
      </c>
      <c r="D141" s="3" t="s">
        <v>64</v>
      </c>
      <c r="E141" s="3" t="s">
        <v>64</v>
      </c>
      <c r="F141" s="3" t="s">
        <v>2792</v>
      </c>
      <c r="G141" s="3" t="s">
        <v>64</v>
      </c>
      <c r="H141" s="3" t="s">
        <v>2793</v>
      </c>
    </row>
    <row r="142" spans="1:8" x14ac:dyDescent="0.25">
      <c r="A142" s="4" t="s">
        <v>609</v>
      </c>
      <c r="B142" s="6" t="s">
        <v>2680</v>
      </c>
      <c r="C142" s="2" t="s">
        <v>64</v>
      </c>
      <c r="D142" s="2" t="s">
        <v>64</v>
      </c>
      <c r="E142" s="2" t="s">
        <v>64</v>
      </c>
      <c r="F142" s="2" t="s">
        <v>2792</v>
      </c>
      <c r="G142" s="2" t="s">
        <v>64</v>
      </c>
      <c r="H142" s="2" t="s">
        <v>2793</v>
      </c>
    </row>
    <row r="143" spans="1:8" x14ac:dyDescent="0.25">
      <c r="A143" s="4" t="s">
        <v>611</v>
      </c>
      <c r="B143" s="6" t="s">
        <v>2683</v>
      </c>
      <c r="C143" s="2" t="s">
        <v>64</v>
      </c>
      <c r="D143" s="2" t="s">
        <v>64</v>
      </c>
      <c r="E143" s="2" t="s">
        <v>64</v>
      </c>
      <c r="F143" s="2" t="s">
        <v>64</v>
      </c>
      <c r="G143" s="2" t="s">
        <v>64</v>
      </c>
      <c r="H143" s="2" t="s">
        <v>64</v>
      </c>
    </row>
    <row r="144" spans="1:8" x14ac:dyDescent="0.25">
      <c r="A144" s="5" t="s">
        <v>613</v>
      </c>
      <c r="B144" s="7" t="s">
        <v>2794</v>
      </c>
      <c r="C144" s="3" t="s">
        <v>64</v>
      </c>
      <c r="D144" s="3" t="s">
        <v>64</v>
      </c>
      <c r="E144" s="3" t="s">
        <v>64</v>
      </c>
      <c r="F144" s="3" t="s">
        <v>2795</v>
      </c>
      <c r="G144" s="3" t="s">
        <v>64</v>
      </c>
      <c r="H144" s="3" t="s">
        <v>2796</v>
      </c>
    </row>
    <row r="146" spans="1:8" x14ac:dyDescent="0.25">
      <c r="A146" s="8" t="s">
        <v>6</v>
      </c>
      <c r="B146" s="8" t="s">
        <v>2797</v>
      </c>
      <c r="C146" s="8" t="s">
        <v>796</v>
      </c>
      <c r="D146" s="8" t="s">
        <v>2605</v>
      </c>
      <c r="E146" s="8" t="s">
        <v>438</v>
      </c>
      <c r="F146" s="8" t="s">
        <v>7</v>
      </c>
      <c r="G146" s="8" t="s">
        <v>442</v>
      </c>
      <c r="H146" s="8" t="s">
        <v>442</v>
      </c>
    </row>
    <row r="147" spans="1:8" ht="21" x14ac:dyDescent="0.25">
      <c r="A147" s="8" t="s">
        <v>7</v>
      </c>
      <c r="B147" s="8" t="s">
        <v>7</v>
      </c>
      <c r="C147" s="8" t="s">
        <v>7</v>
      </c>
      <c r="D147" s="8" t="s">
        <v>7</v>
      </c>
      <c r="E147" s="1" t="s">
        <v>2484</v>
      </c>
      <c r="F147" s="1" t="s">
        <v>2485</v>
      </c>
      <c r="G147" s="1" t="s">
        <v>2484</v>
      </c>
      <c r="H147" s="1" t="s">
        <v>2485</v>
      </c>
    </row>
    <row r="148" spans="1:8" x14ac:dyDescent="0.25">
      <c r="A148" s="4" t="s">
        <v>615</v>
      </c>
      <c r="B148" s="6" t="s">
        <v>2798</v>
      </c>
      <c r="C148" s="2" t="s">
        <v>64</v>
      </c>
      <c r="D148" s="2" t="s">
        <v>64</v>
      </c>
      <c r="E148" s="2" t="s">
        <v>64</v>
      </c>
      <c r="F148" s="2" t="s">
        <v>2799</v>
      </c>
      <c r="G148" s="2" t="s">
        <v>64</v>
      </c>
      <c r="H148" s="2" t="s">
        <v>2800</v>
      </c>
    </row>
    <row r="150" spans="1:8" x14ac:dyDescent="0.25">
      <c r="A150" s="8" t="s">
        <v>6</v>
      </c>
      <c r="B150" s="8" t="s">
        <v>2801</v>
      </c>
      <c r="C150" s="8" t="s">
        <v>2702</v>
      </c>
    </row>
    <row r="151" spans="1:8" x14ac:dyDescent="0.25">
      <c r="A151" s="8" t="s">
        <v>7</v>
      </c>
      <c r="B151" s="8" t="s">
        <v>7</v>
      </c>
      <c r="C151" s="8" t="s">
        <v>7</v>
      </c>
    </row>
    <row r="152" spans="1:8" x14ac:dyDescent="0.25">
      <c r="A152" s="4" t="s">
        <v>617</v>
      </c>
      <c r="B152" s="6" t="s">
        <v>2802</v>
      </c>
      <c r="C152" s="2" t="s">
        <v>64</v>
      </c>
    </row>
    <row r="153" spans="1:8" x14ac:dyDescent="0.25">
      <c r="A153" s="4" t="s">
        <v>619</v>
      </c>
      <c r="B153" s="6" t="s">
        <v>2803</v>
      </c>
      <c r="C153" s="2" t="s">
        <v>64</v>
      </c>
    </row>
  </sheetData>
  <mergeCells count="55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G47:H47"/>
    <mergeCell ref="A66:A67"/>
    <mergeCell ref="B66:B67"/>
    <mergeCell ref="C66:C67"/>
    <mergeCell ref="D66:D67"/>
    <mergeCell ref="E66:F66"/>
    <mergeCell ref="G66:H66"/>
    <mergeCell ref="A47:A48"/>
    <mergeCell ref="B47:B48"/>
    <mergeCell ref="C47:C48"/>
    <mergeCell ref="D47:D48"/>
    <mergeCell ref="E47:F47"/>
    <mergeCell ref="A70:A71"/>
    <mergeCell ref="B70:B71"/>
    <mergeCell ref="C70:C71"/>
    <mergeCell ref="A74:A75"/>
    <mergeCell ref="B74:B75"/>
    <mergeCell ref="C74:C75"/>
    <mergeCell ref="A78:A79"/>
    <mergeCell ref="B78:B79"/>
    <mergeCell ref="C78:C79"/>
    <mergeCell ref="A85:A86"/>
    <mergeCell ref="B85:B86"/>
    <mergeCell ref="C85:D85"/>
    <mergeCell ref="A91:A92"/>
    <mergeCell ref="B91:B92"/>
    <mergeCell ref="C91:C92"/>
    <mergeCell ref="D91:D92"/>
    <mergeCell ref="E91:F91"/>
    <mergeCell ref="A150:A151"/>
    <mergeCell ref="B150:B151"/>
    <mergeCell ref="C150:C151"/>
    <mergeCell ref="G127:H127"/>
    <mergeCell ref="A146:A147"/>
    <mergeCell ref="B146:B147"/>
    <mergeCell ref="C146:C147"/>
    <mergeCell ref="D146:D147"/>
    <mergeCell ref="E146:F146"/>
    <mergeCell ref="G146:H146"/>
    <mergeCell ref="A127:A128"/>
    <mergeCell ref="B127:B128"/>
    <mergeCell ref="C127:C128"/>
    <mergeCell ref="D127:D128"/>
    <mergeCell ref="E127:F12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3"/>
  <sheetViews>
    <sheetView showGridLines="0" topLeftCell="A79" workbookViewId="0">
      <selection sqref="A1:XFD1048576"/>
    </sheetView>
  </sheetViews>
  <sheetFormatPr defaultRowHeight="15" x14ac:dyDescent="0.25"/>
  <cols>
    <col min="1" max="1" width="3.28515625" bestFit="1" customWidth="1"/>
    <col min="2" max="2" width="187.28515625" bestFit="1" customWidth="1"/>
    <col min="3" max="3" width="22.85546875" bestFit="1" customWidth="1"/>
    <col min="4" max="4" width="18.42578125" bestFit="1" customWidth="1"/>
    <col min="5" max="5" width="15.42578125" bestFit="1" customWidth="1"/>
    <col min="6" max="6" width="16.5703125" bestFit="1" customWidth="1"/>
    <col min="7" max="7" width="27.7109375" bestFit="1" customWidth="1"/>
    <col min="8" max="9" width="14.28515625" bestFit="1" customWidth="1"/>
  </cols>
  <sheetData>
    <row r="3" spans="1:9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</row>
    <row r="4" spans="1:9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</row>
    <row r="5" spans="1:9" x14ac:dyDescent="0.25">
      <c r="A5" s="12" t="s">
        <v>2804</v>
      </c>
      <c r="B5" s="10"/>
      <c r="C5" s="10"/>
      <c r="D5" s="10"/>
      <c r="E5" s="10"/>
      <c r="F5" s="10"/>
      <c r="G5" s="10"/>
      <c r="H5" s="10"/>
      <c r="I5" s="10"/>
    </row>
    <row r="6" spans="1:9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</row>
    <row r="7" spans="1:9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</row>
    <row r="9" spans="1:9" x14ac:dyDescent="0.25">
      <c r="A9" s="9" t="s">
        <v>2805</v>
      </c>
      <c r="B9" s="10"/>
      <c r="C9" s="10"/>
      <c r="D9" s="10"/>
      <c r="E9" s="10"/>
      <c r="F9" s="10"/>
      <c r="G9" s="10"/>
      <c r="H9" s="10"/>
      <c r="I9" s="10"/>
    </row>
    <row r="10" spans="1:9" ht="21" x14ac:dyDescent="0.25">
      <c r="A10" s="8" t="s">
        <v>6</v>
      </c>
      <c r="B10" s="8" t="s">
        <v>2806</v>
      </c>
      <c r="C10" s="8" t="s">
        <v>2133</v>
      </c>
      <c r="D10" s="1" t="s">
        <v>2484</v>
      </c>
    </row>
    <row r="11" spans="1:9" ht="21" x14ac:dyDescent="0.25">
      <c r="A11" s="8" t="s">
        <v>7</v>
      </c>
      <c r="B11" s="8" t="s">
        <v>7</v>
      </c>
      <c r="C11" s="8" t="s">
        <v>7</v>
      </c>
      <c r="D11" s="1" t="s">
        <v>2807</v>
      </c>
    </row>
    <row r="12" spans="1:9" x14ac:dyDescent="0.25">
      <c r="A12" s="5" t="s">
        <v>17</v>
      </c>
      <c r="B12" s="7" t="s">
        <v>2134</v>
      </c>
      <c r="C12" s="3" t="s">
        <v>29</v>
      </c>
      <c r="D12" s="3" t="s">
        <v>32</v>
      </c>
    </row>
    <row r="13" spans="1:9" x14ac:dyDescent="0.25">
      <c r="A13" s="5" t="s">
        <v>26</v>
      </c>
      <c r="B13" s="7" t="s">
        <v>2808</v>
      </c>
      <c r="C13" s="3" t="s">
        <v>38</v>
      </c>
      <c r="D13" s="3" t="s">
        <v>41</v>
      </c>
    </row>
    <row r="14" spans="1:9" x14ac:dyDescent="0.25">
      <c r="A14" s="4" t="s">
        <v>35</v>
      </c>
      <c r="B14" s="6" t="s">
        <v>2809</v>
      </c>
      <c r="C14" s="2" t="s">
        <v>2810</v>
      </c>
      <c r="D14" s="2" t="s">
        <v>2811</v>
      </c>
    </row>
    <row r="15" spans="1:9" x14ac:dyDescent="0.25">
      <c r="A15" s="4" t="s">
        <v>44</v>
      </c>
      <c r="B15" s="6" t="s">
        <v>2812</v>
      </c>
      <c r="C15" s="2" t="s">
        <v>2813</v>
      </c>
      <c r="D15" s="2" t="s">
        <v>2814</v>
      </c>
    </row>
    <row r="16" spans="1:9" x14ac:dyDescent="0.25">
      <c r="A16" s="4" t="s">
        <v>53</v>
      </c>
      <c r="B16" s="6" t="s">
        <v>2815</v>
      </c>
      <c r="C16" s="2" t="s">
        <v>2816</v>
      </c>
      <c r="D16" s="2" t="s">
        <v>2817</v>
      </c>
    </row>
    <row r="17" spans="1:4" x14ac:dyDescent="0.25">
      <c r="A17" s="4" t="s">
        <v>62</v>
      </c>
      <c r="B17" s="6" t="s">
        <v>2818</v>
      </c>
      <c r="C17" s="2" t="s">
        <v>2223</v>
      </c>
      <c r="D17" s="2" t="s">
        <v>2819</v>
      </c>
    </row>
    <row r="18" spans="1:4" x14ac:dyDescent="0.25">
      <c r="A18" s="4" t="s">
        <v>65</v>
      </c>
      <c r="B18" s="6" t="s">
        <v>2820</v>
      </c>
      <c r="C18" s="2" t="s">
        <v>56</v>
      </c>
      <c r="D18" s="2" t="s">
        <v>59</v>
      </c>
    </row>
    <row r="19" spans="1:4" x14ac:dyDescent="0.25">
      <c r="A19" s="4" t="s">
        <v>74</v>
      </c>
      <c r="B19" s="6" t="s">
        <v>2821</v>
      </c>
      <c r="C19" s="2" t="s">
        <v>68</v>
      </c>
      <c r="D19" s="2" t="s">
        <v>71</v>
      </c>
    </row>
    <row r="20" spans="1:4" x14ac:dyDescent="0.25">
      <c r="A20" s="5" t="s">
        <v>76</v>
      </c>
      <c r="B20" s="7" t="s">
        <v>2567</v>
      </c>
      <c r="C20" s="3" t="s">
        <v>85</v>
      </c>
      <c r="D20" s="3" t="s">
        <v>88</v>
      </c>
    </row>
    <row r="21" spans="1:4" x14ac:dyDescent="0.25">
      <c r="A21" s="4" t="s">
        <v>78</v>
      </c>
      <c r="B21" s="6" t="s">
        <v>2822</v>
      </c>
      <c r="C21" s="2" t="s">
        <v>2278</v>
      </c>
      <c r="D21" s="2" t="s">
        <v>2823</v>
      </c>
    </row>
    <row r="22" spans="1:4" x14ac:dyDescent="0.25">
      <c r="A22" s="4" t="s">
        <v>80</v>
      </c>
      <c r="B22" s="6" t="s">
        <v>2580</v>
      </c>
      <c r="C22" s="2" t="s">
        <v>2293</v>
      </c>
      <c r="D22" s="2" t="s">
        <v>2824</v>
      </c>
    </row>
    <row r="23" spans="1:4" x14ac:dyDescent="0.25">
      <c r="A23" s="5" t="s">
        <v>82</v>
      </c>
      <c r="B23" s="7" t="s">
        <v>2825</v>
      </c>
      <c r="C23" s="3" t="s">
        <v>181</v>
      </c>
      <c r="D23" s="3" t="s">
        <v>184</v>
      </c>
    </row>
    <row r="24" spans="1:4" x14ac:dyDescent="0.25">
      <c r="A24" s="4" t="s">
        <v>91</v>
      </c>
      <c r="B24" s="6" t="s">
        <v>2826</v>
      </c>
      <c r="C24" s="2" t="s">
        <v>2827</v>
      </c>
      <c r="D24" s="2" t="s">
        <v>2828</v>
      </c>
    </row>
    <row r="25" spans="1:4" x14ac:dyDescent="0.25">
      <c r="A25" s="4" t="s">
        <v>100</v>
      </c>
      <c r="B25" s="6" t="s">
        <v>2829</v>
      </c>
      <c r="C25" s="2" t="s">
        <v>2830</v>
      </c>
      <c r="D25" s="2" t="s">
        <v>2831</v>
      </c>
    </row>
    <row r="26" spans="1:4" x14ac:dyDescent="0.25">
      <c r="A26" s="4" t="s">
        <v>109</v>
      </c>
      <c r="B26" s="6" t="s">
        <v>2832</v>
      </c>
      <c r="C26" s="2" t="s">
        <v>2833</v>
      </c>
      <c r="D26" s="2" t="s">
        <v>2834</v>
      </c>
    </row>
    <row r="27" spans="1:4" x14ac:dyDescent="0.25">
      <c r="A27" s="4" t="s">
        <v>111</v>
      </c>
      <c r="B27" s="6" t="s">
        <v>2835</v>
      </c>
      <c r="C27" s="2" t="s">
        <v>216</v>
      </c>
      <c r="D27" s="2" t="s">
        <v>219</v>
      </c>
    </row>
    <row r="28" spans="1:4" x14ac:dyDescent="0.25">
      <c r="A28" s="4" t="s">
        <v>119</v>
      </c>
      <c r="B28" s="6" t="s">
        <v>2836</v>
      </c>
      <c r="C28" s="2" t="s">
        <v>2837</v>
      </c>
      <c r="D28" s="2" t="s">
        <v>2838</v>
      </c>
    </row>
    <row r="29" spans="1:4" x14ac:dyDescent="0.25">
      <c r="A29" s="5" t="s">
        <v>121</v>
      </c>
      <c r="B29" s="7" t="s">
        <v>2839</v>
      </c>
      <c r="C29" s="3" t="s">
        <v>2840</v>
      </c>
      <c r="D29" s="3" t="s">
        <v>2841</v>
      </c>
    </row>
    <row r="30" spans="1:4" x14ac:dyDescent="0.25">
      <c r="A30" s="4" t="s">
        <v>128</v>
      </c>
      <c r="B30" s="6" t="s">
        <v>2842</v>
      </c>
      <c r="C30" s="2" t="s">
        <v>64</v>
      </c>
      <c r="D30" s="2" t="s">
        <v>2843</v>
      </c>
    </row>
    <row r="31" spans="1:4" x14ac:dyDescent="0.25">
      <c r="A31" s="4" t="s">
        <v>130</v>
      </c>
      <c r="B31" s="6" t="s">
        <v>2844</v>
      </c>
      <c r="C31" s="2" t="s">
        <v>2840</v>
      </c>
      <c r="D31" s="2" t="s">
        <v>2845</v>
      </c>
    </row>
    <row r="32" spans="1:4" x14ac:dyDescent="0.25">
      <c r="A32" s="4" t="s">
        <v>132</v>
      </c>
      <c r="B32" s="6" t="s">
        <v>2846</v>
      </c>
      <c r="C32" s="2" t="s">
        <v>2847</v>
      </c>
      <c r="D32" s="2" t="s">
        <v>2848</v>
      </c>
    </row>
    <row r="33" spans="1:4" x14ac:dyDescent="0.25">
      <c r="A33" s="5" t="s">
        <v>134</v>
      </c>
      <c r="B33" s="7" t="s">
        <v>2849</v>
      </c>
      <c r="C33" s="3" t="s">
        <v>275</v>
      </c>
      <c r="D33" s="3" t="s">
        <v>278</v>
      </c>
    </row>
    <row r="34" spans="1:4" x14ac:dyDescent="0.25">
      <c r="A34" s="4" t="s">
        <v>143</v>
      </c>
      <c r="B34" s="6" t="s">
        <v>2850</v>
      </c>
      <c r="C34" s="2" t="s">
        <v>283</v>
      </c>
      <c r="D34" s="2" t="s">
        <v>286</v>
      </c>
    </row>
    <row r="35" spans="1:4" x14ac:dyDescent="0.25">
      <c r="A35" s="4" t="s">
        <v>152</v>
      </c>
      <c r="B35" s="6" t="s">
        <v>2851</v>
      </c>
      <c r="C35" s="2" t="s">
        <v>327</v>
      </c>
      <c r="D35" s="2" t="s">
        <v>330</v>
      </c>
    </row>
    <row r="36" spans="1:4" x14ac:dyDescent="0.25">
      <c r="A36" s="5" t="s">
        <v>160</v>
      </c>
      <c r="B36" s="7" t="s">
        <v>2852</v>
      </c>
      <c r="C36" s="3" t="s">
        <v>301</v>
      </c>
      <c r="D36" s="3" t="s">
        <v>304</v>
      </c>
    </row>
    <row r="37" spans="1:4" x14ac:dyDescent="0.25">
      <c r="A37" s="4" t="s">
        <v>168</v>
      </c>
      <c r="B37" s="6" t="s">
        <v>2853</v>
      </c>
      <c r="C37" s="2" t="s">
        <v>64</v>
      </c>
      <c r="D37" s="2" t="s">
        <v>64</v>
      </c>
    </row>
    <row r="38" spans="1:4" x14ac:dyDescent="0.25">
      <c r="A38" s="4" t="s">
        <v>170</v>
      </c>
      <c r="B38" s="6" t="s">
        <v>2854</v>
      </c>
      <c r="C38" s="2" t="s">
        <v>64</v>
      </c>
      <c r="D38" s="2" t="s">
        <v>64</v>
      </c>
    </row>
    <row r="39" spans="1:4" x14ac:dyDescent="0.25">
      <c r="A39" s="4" t="s">
        <v>178</v>
      </c>
      <c r="B39" s="6" t="s">
        <v>2855</v>
      </c>
      <c r="C39" s="2" t="s">
        <v>301</v>
      </c>
      <c r="D39" s="2" t="s">
        <v>304</v>
      </c>
    </row>
    <row r="40" spans="1:4" x14ac:dyDescent="0.25">
      <c r="A40" s="5" t="s">
        <v>187</v>
      </c>
      <c r="B40" s="7" t="s">
        <v>2856</v>
      </c>
      <c r="C40" s="3" t="s">
        <v>336</v>
      </c>
      <c r="D40" s="3" t="s">
        <v>339</v>
      </c>
    </row>
    <row r="41" spans="1:4" x14ac:dyDescent="0.25">
      <c r="A41" s="4" t="s">
        <v>196</v>
      </c>
      <c r="B41" s="6" t="s">
        <v>2857</v>
      </c>
      <c r="C41" s="2" t="s">
        <v>2858</v>
      </c>
      <c r="D41" s="2" t="s">
        <v>2859</v>
      </c>
    </row>
    <row r="42" spans="1:4" x14ac:dyDescent="0.25">
      <c r="A42" s="4" t="s">
        <v>198</v>
      </c>
      <c r="B42" s="6" t="s">
        <v>2860</v>
      </c>
      <c r="C42" s="2" t="s">
        <v>2861</v>
      </c>
      <c r="D42" s="2" t="s">
        <v>2862</v>
      </c>
    </row>
    <row r="43" spans="1:4" x14ac:dyDescent="0.25">
      <c r="A43" s="5" t="s">
        <v>206</v>
      </c>
      <c r="B43" s="7" t="s">
        <v>2599</v>
      </c>
      <c r="C43" s="3" t="s">
        <v>377</v>
      </c>
      <c r="D43" s="3" t="s">
        <v>378</v>
      </c>
    </row>
    <row r="44" spans="1:4" x14ac:dyDescent="0.25">
      <c r="A44" s="4" t="s">
        <v>214</v>
      </c>
      <c r="B44" s="6" t="s">
        <v>2863</v>
      </c>
      <c r="C44" s="2" t="s">
        <v>64</v>
      </c>
      <c r="D44" s="2" t="s">
        <v>64</v>
      </c>
    </row>
    <row r="45" spans="1:4" x14ac:dyDescent="0.25">
      <c r="A45" s="4" t="s">
        <v>222</v>
      </c>
      <c r="B45" s="6" t="s">
        <v>2864</v>
      </c>
      <c r="C45" s="2" t="s">
        <v>377</v>
      </c>
      <c r="D45" s="2" t="s">
        <v>378</v>
      </c>
    </row>
    <row r="46" spans="1:4" x14ac:dyDescent="0.25">
      <c r="A46" s="4" t="s">
        <v>230</v>
      </c>
      <c r="B46" s="6" t="s">
        <v>2865</v>
      </c>
      <c r="C46" s="2" t="s">
        <v>2866</v>
      </c>
      <c r="D46" s="2" t="s">
        <v>2867</v>
      </c>
    </row>
    <row r="47" spans="1:4" x14ac:dyDescent="0.25">
      <c r="A47" s="5" t="s">
        <v>232</v>
      </c>
      <c r="B47" s="7" t="s">
        <v>2868</v>
      </c>
      <c r="C47" s="3" t="s">
        <v>2869</v>
      </c>
      <c r="D47" s="3" t="s">
        <v>2870</v>
      </c>
    </row>
    <row r="49" spans="1:9" x14ac:dyDescent="0.25">
      <c r="A49" s="8" t="s">
        <v>6</v>
      </c>
      <c r="B49" s="8" t="s">
        <v>2871</v>
      </c>
      <c r="C49" s="8" t="s">
        <v>2605</v>
      </c>
      <c r="D49" s="8" t="s">
        <v>2484</v>
      </c>
      <c r="E49" s="8" t="s">
        <v>7</v>
      </c>
      <c r="F49" s="8" t="s">
        <v>7</v>
      </c>
      <c r="G49" s="8" t="s">
        <v>7</v>
      </c>
      <c r="H49" s="8" t="s">
        <v>2874</v>
      </c>
      <c r="I49" s="8" t="s">
        <v>2874</v>
      </c>
    </row>
    <row r="50" spans="1:9" ht="21" x14ac:dyDescent="0.25">
      <c r="A50" s="8" t="s">
        <v>7</v>
      </c>
      <c r="B50" s="8" t="s">
        <v>7</v>
      </c>
      <c r="C50" s="8" t="s">
        <v>7</v>
      </c>
      <c r="D50" s="1" t="s">
        <v>438</v>
      </c>
      <c r="E50" s="1" t="s">
        <v>442</v>
      </c>
      <c r="F50" s="1" t="s">
        <v>2872</v>
      </c>
      <c r="G50" s="1" t="s">
        <v>2873</v>
      </c>
      <c r="H50" s="1" t="s">
        <v>2875</v>
      </c>
      <c r="I50" s="1" t="s">
        <v>2876</v>
      </c>
    </row>
    <row r="51" spans="1:9" x14ac:dyDescent="0.25">
      <c r="A51" s="5" t="s">
        <v>234</v>
      </c>
      <c r="B51" s="7" t="s">
        <v>2877</v>
      </c>
      <c r="C51" s="3" t="s">
        <v>460</v>
      </c>
      <c r="D51" s="3" t="s">
        <v>462</v>
      </c>
      <c r="E51" s="3" t="s">
        <v>465</v>
      </c>
      <c r="F51" s="3" t="s">
        <v>467</v>
      </c>
      <c r="G51" s="3" t="s">
        <v>2878</v>
      </c>
      <c r="H51" s="3" t="s">
        <v>2879</v>
      </c>
      <c r="I51" s="3" t="s">
        <v>2880</v>
      </c>
    </row>
    <row r="52" spans="1:9" x14ac:dyDescent="0.25">
      <c r="A52" s="4" t="s">
        <v>243</v>
      </c>
      <c r="B52" s="6" t="s">
        <v>2881</v>
      </c>
      <c r="C52" s="2" t="s">
        <v>471</v>
      </c>
      <c r="D52" s="2" t="s">
        <v>473</v>
      </c>
      <c r="E52" s="2" t="s">
        <v>476</v>
      </c>
      <c r="F52" s="2" t="s">
        <v>478</v>
      </c>
      <c r="G52" s="2" t="s">
        <v>2882</v>
      </c>
      <c r="H52" s="2" t="s">
        <v>2883</v>
      </c>
      <c r="I52" s="2" t="s">
        <v>2884</v>
      </c>
    </row>
    <row r="53" spans="1:9" x14ac:dyDescent="0.25">
      <c r="A53" s="4" t="s">
        <v>252</v>
      </c>
      <c r="B53" s="6" t="s">
        <v>2885</v>
      </c>
      <c r="C53" s="2" t="s">
        <v>482</v>
      </c>
      <c r="D53" s="2" t="s">
        <v>484</v>
      </c>
      <c r="E53" s="2" t="s">
        <v>487</v>
      </c>
      <c r="F53" s="2" t="s">
        <v>487</v>
      </c>
      <c r="G53" s="2" t="s">
        <v>64</v>
      </c>
      <c r="H53" s="2" t="s">
        <v>64</v>
      </c>
      <c r="I53" s="2" t="s">
        <v>64</v>
      </c>
    </row>
    <row r="54" spans="1:9" x14ac:dyDescent="0.25">
      <c r="A54" s="5" t="s">
        <v>261</v>
      </c>
      <c r="B54" s="7" t="s">
        <v>2886</v>
      </c>
      <c r="C54" s="3" t="s">
        <v>492</v>
      </c>
      <c r="D54" s="3" t="s">
        <v>494</v>
      </c>
      <c r="E54" s="3" t="s">
        <v>497</v>
      </c>
      <c r="F54" s="3" t="s">
        <v>499</v>
      </c>
      <c r="G54" s="3" t="s">
        <v>2887</v>
      </c>
      <c r="H54" s="3" t="s">
        <v>2888</v>
      </c>
      <c r="I54" s="3" t="s">
        <v>2889</v>
      </c>
    </row>
    <row r="55" spans="1:9" x14ac:dyDescent="0.25">
      <c r="A55" s="4" t="s">
        <v>263</v>
      </c>
      <c r="B55" s="6" t="s">
        <v>2413</v>
      </c>
      <c r="C55" s="2" t="s">
        <v>503</v>
      </c>
      <c r="D55" s="2" t="s">
        <v>503</v>
      </c>
      <c r="E55" s="2" t="s">
        <v>506</v>
      </c>
      <c r="F55" s="2" t="s">
        <v>507</v>
      </c>
      <c r="G55" s="2" t="s">
        <v>2890</v>
      </c>
      <c r="H55" s="2" t="s">
        <v>64</v>
      </c>
      <c r="I55" s="2" t="s">
        <v>64</v>
      </c>
    </row>
    <row r="56" spans="1:9" x14ac:dyDescent="0.25">
      <c r="A56" s="4" t="s">
        <v>272</v>
      </c>
      <c r="B56" s="6" t="s">
        <v>2891</v>
      </c>
      <c r="C56" s="2" t="s">
        <v>511</v>
      </c>
      <c r="D56" s="2" t="s">
        <v>513</v>
      </c>
      <c r="E56" s="2" t="s">
        <v>515</v>
      </c>
      <c r="F56" s="2" t="s">
        <v>517</v>
      </c>
      <c r="G56" s="2" t="s">
        <v>2892</v>
      </c>
      <c r="H56" s="2" t="s">
        <v>2888</v>
      </c>
      <c r="I56" s="2" t="s">
        <v>2889</v>
      </c>
    </row>
    <row r="57" spans="1:9" x14ac:dyDescent="0.25">
      <c r="A57" s="4" t="s">
        <v>281</v>
      </c>
      <c r="B57" s="6" t="s">
        <v>2893</v>
      </c>
      <c r="C57" s="2" t="s">
        <v>2894</v>
      </c>
      <c r="D57" s="2" t="s">
        <v>2895</v>
      </c>
      <c r="E57" s="2" t="s">
        <v>2896</v>
      </c>
      <c r="F57" s="2" t="s">
        <v>2897</v>
      </c>
      <c r="G57" s="2" t="s">
        <v>2878</v>
      </c>
      <c r="H57" s="2" t="s">
        <v>2879</v>
      </c>
      <c r="I57" s="2" t="s">
        <v>2880</v>
      </c>
    </row>
    <row r="58" spans="1:9" x14ac:dyDescent="0.25">
      <c r="A58" s="5" t="s">
        <v>289</v>
      </c>
      <c r="B58" s="7" t="s">
        <v>2898</v>
      </c>
      <c r="C58" s="3" t="s">
        <v>521</v>
      </c>
      <c r="D58" s="3" t="s">
        <v>523</v>
      </c>
      <c r="E58" s="3" t="s">
        <v>526</v>
      </c>
      <c r="F58" s="3" t="s">
        <v>528</v>
      </c>
      <c r="G58" s="3" t="s">
        <v>2899</v>
      </c>
      <c r="H58" s="3" t="s">
        <v>2900</v>
      </c>
      <c r="I58" s="3" t="s">
        <v>2901</v>
      </c>
    </row>
    <row r="59" spans="1:9" x14ac:dyDescent="0.25">
      <c r="A59" s="4" t="s">
        <v>295</v>
      </c>
      <c r="B59" s="6" t="s">
        <v>2902</v>
      </c>
      <c r="C59" s="2" t="s">
        <v>532</v>
      </c>
      <c r="D59" s="2" t="s">
        <v>534</v>
      </c>
      <c r="E59" s="2" t="s">
        <v>537</v>
      </c>
      <c r="F59" s="2" t="s">
        <v>539</v>
      </c>
      <c r="G59" s="2" t="s">
        <v>2899</v>
      </c>
      <c r="H59" s="2" t="s">
        <v>2900</v>
      </c>
      <c r="I59" s="2" t="s">
        <v>2901</v>
      </c>
    </row>
    <row r="60" spans="1:9" x14ac:dyDescent="0.25">
      <c r="A60" s="5" t="s">
        <v>298</v>
      </c>
      <c r="B60" s="7" t="s">
        <v>2903</v>
      </c>
      <c r="C60" s="3" t="s">
        <v>543</v>
      </c>
      <c r="D60" s="3" t="s">
        <v>544</v>
      </c>
      <c r="E60" s="3" t="s">
        <v>64</v>
      </c>
      <c r="F60" s="3" t="s">
        <v>64</v>
      </c>
      <c r="G60" s="3" t="s">
        <v>64</v>
      </c>
      <c r="H60" s="3" t="s">
        <v>64</v>
      </c>
      <c r="I60" s="3" t="s">
        <v>64</v>
      </c>
    </row>
    <row r="61" spans="1:9" x14ac:dyDescent="0.25">
      <c r="A61" s="4" t="s">
        <v>307</v>
      </c>
      <c r="B61" s="6" t="s">
        <v>2904</v>
      </c>
      <c r="C61" s="2" t="s">
        <v>2905</v>
      </c>
      <c r="D61" s="2" t="s">
        <v>64</v>
      </c>
      <c r="E61" s="2" t="s">
        <v>64</v>
      </c>
      <c r="F61" s="2" t="s">
        <v>64</v>
      </c>
      <c r="G61" s="2" t="s">
        <v>64</v>
      </c>
      <c r="H61" s="2" t="s">
        <v>64</v>
      </c>
      <c r="I61" s="2" t="s">
        <v>64</v>
      </c>
    </row>
    <row r="62" spans="1:9" x14ac:dyDescent="0.25">
      <c r="A62" s="4" t="s">
        <v>314</v>
      </c>
      <c r="B62" s="6" t="s">
        <v>2906</v>
      </c>
      <c r="C62" s="2" t="s">
        <v>64</v>
      </c>
      <c r="D62" s="2" t="s">
        <v>64</v>
      </c>
      <c r="E62" s="2" t="s">
        <v>64</v>
      </c>
      <c r="F62" s="2" t="s">
        <v>64</v>
      </c>
      <c r="G62" s="2" t="s">
        <v>64</v>
      </c>
      <c r="H62" s="2" t="s">
        <v>64</v>
      </c>
      <c r="I62" s="2" t="s">
        <v>64</v>
      </c>
    </row>
    <row r="63" spans="1:9" x14ac:dyDescent="0.25">
      <c r="A63" s="4" t="s">
        <v>322</v>
      </c>
      <c r="B63" s="6" t="s">
        <v>2907</v>
      </c>
      <c r="C63" s="2" t="s">
        <v>64</v>
      </c>
      <c r="D63" s="2" t="s">
        <v>64</v>
      </c>
      <c r="E63" s="2" t="s">
        <v>64</v>
      </c>
      <c r="F63" s="2" t="s">
        <v>64</v>
      </c>
      <c r="G63" s="2" t="s">
        <v>64</v>
      </c>
      <c r="H63" s="2" t="s">
        <v>64</v>
      </c>
      <c r="I63" s="2" t="s">
        <v>64</v>
      </c>
    </row>
    <row r="64" spans="1:9" x14ac:dyDescent="0.25">
      <c r="A64" s="4" t="s">
        <v>324</v>
      </c>
      <c r="B64" s="6" t="s">
        <v>2908</v>
      </c>
      <c r="C64" s="2" t="s">
        <v>2909</v>
      </c>
      <c r="D64" s="2" t="s">
        <v>544</v>
      </c>
      <c r="E64" s="2" t="s">
        <v>64</v>
      </c>
      <c r="F64" s="2" t="s">
        <v>64</v>
      </c>
      <c r="G64" s="2" t="s">
        <v>64</v>
      </c>
      <c r="H64" s="2" t="s">
        <v>64</v>
      </c>
      <c r="I64" s="2" t="s">
        <v>64</v>
      </c>
    </row>
    <row r="65" spans="1:9" x14ac:dyDescent="0.25">
      <c r="A65" s="4" t="s">
        <v>333</v>
      </c>
      <c r="B65" s="6" t="s">
        <v>2910</v>
      </c>
      <c r="C65" s="2" t="s">
        <v>549</v>
      </c>
      <c r="D65" s="2" t="s">
        <v>551</v>
      </c>
      <c r="E65" s="2" t="s">
        <v>554</v>
      </c>
      <c r="F65" s="2" t="s">
        <v>554</v>
      </c>
      <c r="G65" s="2" t="s">
        <v>64</v>
      </c>
      <c r="H65" s="2" t="s">
        <v>64</v>
      </c>
      <c r="I65" s="2" t="s">
        <v>64</v>
      </c>
    </row>
    <row r="66" spans="1:9" x14ac:dyDescent="0.25">
      <c r="A66" s="4" t="s">
        <v>342</v>
      </c>
      <c r="B66" s="6" t="s">
        <v>2911</v>
      </c>
      <c r="C66" s="2" t="s">
        <v>2912</v>
      </c>
      <c r="D66" s="2" t="s">
        <v>2913</v>
      </c>
      <c r="E66" s="2" t="s">
        <v>537</v>
      </c>
      <c r="F66" s="2" t="s">
        <v>539</v>
      </c>
      <c r="G66" s="2" t="s">
        <v>2899</v>
      </c>
      <c r="H66" s="2" t="s">
        <v>2900</v>
      </c>
      <c r="I66" s="2" t="s">
        <v>2901</v>
      </c>
    </row>
    <row r="67" spans="1:9" x14ac:dyDescent="0.25">
      <c r="A67" s="4" t="s">
        <v>350</v>
      </c>
      <c r="B67" s="6" t="s">
        <v>2914</v>
      </c>
      <c r="C67" s="2" t="s">
        <v>559</v>
      </c>
      <c r="D67" s="2" t="s">
        <v>64</v>
      </c>
      <c r="E67" s="2" t="s">
        <v>64</v>
      </c>
      <c r="F67" s="2" t="s">
        <v>64</v>
      </c>
      <c r="G67" s="2" t="s">
        <v>64</v>
      </c>
      <c r="H67" s="2" t="s">
        <v>64</v>
      </c>
      <c r="I67" s="2" t="s">
        <v>64</v>
      </c>
    </row>
    <row r="68" spans="1:9" x14ac:dyDescent="0.25">
      <c r="A68" s="5" t="s">
        <v>358</v>
      </c>
      <c r="B68" s="7" t="s">
        <v>2915</v>
      </c>
      <c r="C68" s="3" t="s">
        <v>2916</v>
      </c>
      <c r="D68" s="3" t="s">
        <v>2917</v>
      </c>
      <c r="E68" s="3" t="s">
        <v>2918</v>
      </c>
      <c r="F68" s="3" t="s">
        <v>2919</v>
      </c>
      <c r="G68" s="3" t="s">
        <v>2920</v>
      </c>
      <c r="H68" s="3" t="s">
        <v>2921</v>
      </c>
      <c r="I68" s="3" t="s">
        <v>2922</v>
      </c>
    </row>
    <row r="70" spans="1:9" x14ac:dyDescent="0.25">
      <c r="A70" s="8" t="s">
        <v>6</v>
      </c>
      <c r="B70" s="8" t="s">
        <v>2923</v>
      </c>
      <c r="C70" s="8" t="s">
        <v>2924</v>
      </c>
    </row>
    <row r="71" spans="1:9" x14ac:dyDescent="0.25">
      <c r="A71" s="8" t="s">
        <v>7</v>
      </c>
      <c r="B71" s="8" t="s">
        <v>7</v>
      </c>
      <c r="C71" s="8" t="s">
        <v>7</v>
      </c>
    </row>
    <row r="72" spans="1:9" x14ac:dyDescent="0.25">
      <c r="A72" s="4" t="s">
        <v>362</v>
      </c>
      <c r="B72" s="6" t="s">
        <v>2925</v>
      </c>
      <c r="C72" s="2" t="s">
        <v>2926</v>
      </c>
    </row>
    <row r="74" spans="1:9" x14ac:dyDescent="0.25">
      <c r="A74" s="8" t="s">
        <v>6</v>
      </c>
      <c r="B74" s="8" t="s">
        <v>2927</v>
      </c>
      <c r="C74" s="8" t="s">
        <v>2928</v>
      </c>
    </row>
    <row r="75" spans="1:9" x14ac:dyDescent="0.25">
      <c r="A75" s="8" t="s">
        <v>7</v>
      </c>
      <c r="B75" s="8" t="s">
        <v>7</v>
      </c>
      <c r="C75" s="8" t="s">
        <v>7</v>
      </c>
    </row>
    <row r="76" spans="1:9" x14ac:dyDescent="0.25">
      <c r="A76" s="4" t="s">
        <v>369</v>
      </c>
      <c r="B76" s="6" t="s">
        <v>2929</v>
      </c>
      <c r="C76" s="2" t="s">
        <v>2930</v>
      </c>
    </row>
    <row r="78" spans="1:9" x14ac:dyDescent="0.25">
      <c r="A78" s="8" t="s">
        <v>6</v>
      </c>
      <c r="B78" s="8" t="s">
        <v>2931</v>
      </c>
      <c r="C78" s="1" t="s">
        <v>2484</v>
      </c>
    </row>
    <row r="79" spans="1:9" x14ac:dyDescent="0.25">
      <c r="A79" s="8" t="s">
        <v>7</v>
      </c>
      <c r="B79" s="8" t="s">
        <v>7</v>
      </c>
      <c r="C79" s="1" t="s">
        <v>2932</v>
      </c>
    </row>
    <row r="80" spans="1:9" x14ac:dyDescent="0.25">
      <c r="A80" s="4" t="s">
        <v>370</v>
      </c>
      <c r="B80" s="6" t="s">
        <v>2933</v>
      </c>
      <c r="C80" s="2" t="s">
        <v>2934</v>
      </c>
    </row>
    <row r="81" spans="1:4" x14ac:dyDescent="0.25">
      <c r="A81" s="4" t="s">
        <v>372</v>
      </c>
      <c r="B81" s="6" t="s">
        <v>2935</v>
      </c>
      <c r="C81" s="2" t="s">
        <v>2936</v>
      </c>
    </row>
    <row r="83" spans="1:4" x14ac:dyDescent="0.25">
      <c r="A83" s="8" t="s">
        <v>6</v>
      </c>
      <c r="B83" s="8" t="s">
        <v>2937</v>
      </c>
      <c r="C83" s="8" t="s">
        <v>2932</v>
      </c>
    </row>
    <row r="84" spans="1:4" x14ac:dyDescent="0.25">
      <c r="A84" s="8" t="s">
        <v>7</v>
      </c>
      <c r="B84" s="8" t="s">
        <v>7</v>
      </c>
      <c r="C84" s="8" t="s">
        <v>7</v>
      </c>
    </row>
    <row r="85" spans="1:4" x14ac:dyDescent="0.25">
      <c r="A85" s="4" t="s">
        <v>374</v>
      </c>
      <c r="B85" s="6" t="s">
        <v>2938</v>
      </c>
      <c r="C85" s="2" t="s">
        <v>2939</v>
      </c>
    </row>
    <row r="87" spans="1:4" x14ac:dyDescent="0.25">
      <c r="A87" s="8" t="s">
        <v>6</v>
      </c>
      <c r="B87" s="8" t="s">
        <v>2940</v>
      </c>
      <c r="C87" s="8" t="s">
        <v>2928</v>
      </c>
    </row>
    <row r="88" spans="1:4" x14ac:dyDescent="0.25">
      <c r="A88" s="8" t="s">
        <v>7</v>
      </c>
      <c r="B88" s="8" t="s">
        <v>7</v>
      </c>
      <c r="C88" s="8" t="s">
        <v>7</v>
      </c>
    </row>
    <row r="89" spans="1:4" x14ac:dyDescent="0.25">
      <c r="A89" s="4" t="s">
        <v>375</v>
      </c>
      <c r="B89" s="6" t="s">
        <v>2929</v>
      </c>
      <c r="C89" s="2" t="s">
        <v>2941</v>
      </c>
    </row>
    <row r="91" spans="1:4" x14ac:dyDescent="0.25">
      <c r="A91" s="8" t="s">
        <v>6</v>
      </c>
      <c r="B91" s="8" t="s">
        <v>2942</v>
      </c>
      <c r="C91" s="8" t="s">
        <v>2943</v>
      </c>
      <c r="D91" s="8" t="s">
        <v>2943</v>
      </c>
    </row>
    <row r="92" spans="1:4" x14ac:dyDescent="0.25">
      <c r="A92" s="8" t="s">
        <v>7</v>
      </c>
      <c r="B92" s="8" t="s">
        <v>7</v>
      </c>
      <c r="C92" s="1" t="s">
        <v>2944</v>
      </c>
      <c r="D92" s="1" t="s">
        <v>798</v>
      </c>
    </row>
    <row r="93" spans="1:4" x14ac:dyDescent="0.25">
      <c r="A93" s="4" t="s">
        <v>381</v>
      </c>
      <c r="B93" s="6" t="s">
        <v>2945</v>
      </c>
      <c r="C93" s="2" t="s">
        <v>2946</v>
      </c>
      <c r="D93" s="2" t="s">
        <v>2947</v>
      </c>
    </row>
    <row r="94" spans="1:4" x14ac:dyDescent="0.25">
      <c r="A94" s="5" t="s">
        <v>383</v>
      </c>
      <c r="B94" s="7" t="s">
        <v>2948</v>
      </c>
      <c r="C94" s="3" t="s">
        <v>2949</v>
      </c>
      <c r="D94" s="3" t="s">
        <v>2950</v>
      </c>
    </row>
    <row r="95" spans="1:4" x14ac:dyDescent="0.25">
      <c r="A95" s="5" t="s">
        <v>385</v>
      </c>
      <c r="B95" s="7" t="s">
        <v>2951</v>
      </c>
      <c r="C95" s="3" t="s">
        <v>2949</v>
      </c>
      <c r="D95" s="3" t="s">
        <v>2952</v>
      </c>
    </row>
    <row r="96" spans="1:4" x14ac:dyDescent="0.25">
      <c r="A96" s="4" t="s">
        <v>387</v>
      </c>
      <c r="B96" s="6" t="s">
        <v>2953</v>
      </c>
      <c r="C96" s="2" t="s">
        <v>2954</v>
      </c>
      <c r="D96" s="2" t="s">
        <v>2955</v>
      </c>
    </row>
    <row r="97" spans="1:4" x14ac:dyDescent="0.25">
      <c r="A97" s="4" t="s">
        <v>389</v>
      </c>
      <c r="B97" s="6" t="s">
        <v>2956</v>
      </c>
      <c r="C97" s="2" t="s">
        <v>2957</v>
      </c>
      <c r="D97" s="2" t="s">
        <v>2958</v>
      </c>
    </row>
    <row r="98" spans="1:4" x14ac:dyDescent="0.25">
      <c r="A98" s="4" t="s">
        <v>398</v>
      </c>
      <c r="B98" s="6" t="s">
        <v>2959</v>
      </c>
      <c r="C98" s="2" t="s">
        <v>64</v>
      </c>
      <c r="D98" s="2" t="s">
        <v>2960</v>
      </c>
    </row>
    <row r="99" spans="1:4" x14ac:dyDescent="0.25">
      <c r="A99" s="5" t="s">
        <v>407</v>
      </c>
      <c r="B99" s="7" t="s">
        <v>2961</v>
      </c>
      <c r="C99" s="3" t="s">
        <v>2962</v>
      </c>
      <c r="D99" s="3" t="s">
        <v>2963</v>
      </c>
    </row>
    <row r="101" spans="1:4" x14ac:dyDescent="0.25">
      <c r="A101" s="8" t="s">
        <v>6</v>
      </c>
      <c r="B101" s="8" t="s">
        <v>2964</v>
      </c>
      <c r="C101" s="8" t="s">
        <v>2965</v>
      </c>
    </row>
    <row r="102" spans="1:4" x14ac:dyDescent="0.25">
      <c r="A102" s="8" t="s">
        <v>7</v>
      </c>
      <c r="B102" s="8" t="s">
        <v>7</v>
      </c>
      <c r="C102" s="8" t="s">
        <v>7</v>
      </c>
    </row>
    <row r="103" spans="1:4" x14ac:dyDescent="0.25">
      <c r="A103" s="4" t="s">
        <v>409</v>
      </c>
      <c r="B103" s="6" t="s">
        <v>2966</v>
      </c>
      <c r="C103" s="2" t="s">
        <v>2967</v>
      </c>
    </row>
    <row r="105" spans="1:4" x14ac:dyDescent="0.25">
      <c r="A105" s="8" t="s">
        <v>6</v>
      </c>
      <c r="B105" s="8" t="s">
        <v>2968</v>
      </c>
      <c r="C105" s="8" t="s">
        <v>2965</v>
      </c>
    </row>
    <row r="106" spans="1:4" x14ac:dyDescent="0.25">
      <c r="A106" s="8" t="s">
        <v>7</v>
      </c>
      <c r="B106" s="8" t="s">
        <v>7</v>
      </c>
      <c r="C106" s="8" t="s">
        <v>7</v>
      </c>
    </row>
    <row r="107" spans="1:4" x14ac:dyDescent="0.25">
      <c r="A107" s="4" t="s">
        <v>411</v>
      </c>
      <c r="B107" s="6" t="s">
        <v>2969</v>
      </c>
      <c r="C107" s="2" t="s">
        <v>2970</v>
      </c>
    </row>
    <row r="108" spans="1:4" x14ac:dyDescent="0.25">
      <c r="A108" s="4" t="s">
        <v>413</v>
      </c>
      <c r="B108" s="6" t="s">
        <v>2971</v>
      </c>
      <c r="C108" s="2" t="s">
        <v>64</v>
      </c>
    </row>
    <row r="109" spans="1:4" x14ac:dyDescent="0.25">
      <c r="A109" s="4" t="s">
        <v>415</v>
      </c>
      <c r="B109" s="6" t="s">
        <v>2972</v>
      </c>
      <c r="C109" s="2" t="s">
        <v>2973</v>
      </c>
    </row>
    <row r="110" spans="1:4" x14ac:dyDescent="0.25">
      <c r="A110" s="4" t="s">
        <v>417</v>
      </c>
      <c r="B110" s="6" t="s">
        <v>2974</v>
      </c>
      <c r="C110" s="2" t="s">
        <v>64</v>
      </c>
    </row>
    <row r="111" spans="1:4" x14ac:dyDescent="0.25">
      <c r="A111" s="4" t="s">
        <v>418</v>
      </c>
      <c r="B111" s="6" t="s">
        <v>2975</v>
      </c>
      <c r="C111" s="2" t="s">
        <v>2976</v>
      </c>
    </row>
    <row r="113" spans="1:8" x14ac:dyDescent="0.25">
      <c r="A113" s="8" t="s">
        <v>6</v>
      </c>
      <c r="B113" s="8" t="s">
        <v>2977</v>
      </c>
      <c r="C113" s="8" t="s">
        <v>2698</v>
      </c>
    </row>
    <row r="114" spans="1:8" x14ac:dyDescent="0.25">
      <c r="A114" s="8" t="s">
        <v>7</v>
      </c>
      <c r="B114" s="8" t="s">
        <v>7</v>
      </c>
      <c r="C114" s="8" t="s">
        <v>7</v>
      </c>
    </row>
    <row r="115" spans="1:8" x14ac:dyDescent="0.25">
      <c r="A115" s="4" t="s">
        <v>419</v>
      </c>
      <c r="B115" s="6" t="s">
        <v>2978</v>
      </c>
      <c r="C115" s="2" t="s">
        <v>2979</v>
      </c>
    </row>
    <row r="117" spans="1:8" x14ac:dyDescent="0.25">
      <c r="A117" s="8" t="s">
        <v>6</v>
      </c>
      <c r="B117" s="8" t="s">
        <v>2980</v>
      </c>
      <c r="C117" s="8" t="s">
        <v>2698</v>
      </c>
    </row>
    <row r="118" spans="1:8" x14ac:dyDescent="0.25">
      <c r="A118" s="8" t="s">
        <v>7</v>
      </c>
      <c r="B118" s="8" t="s">
        <v>7</v>
      </c>
      <c r="C118" s="8" t="s">
        <v>7</v>
      </c>
    </row>
    <row r="119" spans="1:8" x14ac:dyDescent="0.25">
      <c r="A119" s="5" t="s">
        <v>421</v>
      </c>
      <c r="B119" s="7" t="s">
        <v>2981</v>
      </c>
      <c r="C119" s="3" t="s">
        <v>427</v>
      </c>
    </row>
    <row r="120" spans="1:8" x14ac:dyDescent="0.25">
      <c r="A120" s="4" t="s">
        <v>423</v>
      </c>
      <c r="B120" s="6" t="s">
        <v>430</v>
      </c>
      <c r="C120" s="2" t="s">
        <v>64</v>
      </c>
    </row>
    <row r="121" spans="1:8" x14ac:dyDescent="0.25">
      <c r="A121" s="4" t="s">
        <v>425</v>
      </c>
      <c r="B121" s="6" t="s">
        <v>2982</v>
      </c>
      <c r="C121" s="2" t="s">
        <v>427</v>
      </c>
    </row>
    <row r="122" spans="1:8" x14ac:dyDescent="0.25">
      <c r="A122" s="4" t="s">
        <v>429</v>
      </c>
      <c r="B122" s="6" t="s">
        <v>2700</v>
      </c>
      <c r="C122" s="2" t="s">
        <v>604</v>
      </c>
    </row>
    <row r="124" spans="1:8" x14ac:dyDescent="0.25">
      <c r="A124" s="8" t="s">
        <v>6</v>
      </c>
      <c r="B124" s="8" t="s">
        <v>2983</v>
      </c>
      <c r="C124" s="8" t="s">
        <v>438</v>
      </c>
      <c r="D124" s="8" t="s">
        <v>7</v>
      </c>
      <c r="E124" s="8" t="s">
        <v>442</v>
      </c>
      <c r="F124" s="8" t="s">
        <v>7</v>
      </c>
      <c r="G124" s="8" t="s">
        <v>2986</v>
      </c>
      <c r="H124" s="8" t="s">
        <v>2986</v>
      </c>
    </row>
    <row r="125" spans="1:8" ht="31.5" x14ac:dyDescent="0.25">
      <c r="A125" s="8" t="s">
        <v>7</v>
      </c>
      <c r="B125" s="8" t="s">
        <v>7</v>
      </c>
      <c r="C125" s="1" t="s">
        <v>2984</v>
      </c>
      <c r="D125" s="1" t="s">
        <v>2985</v>
      </c>
      <c r="E125" s="1" t="s">
        <v>2984</v>
      </c>
      <c r="F125" s="1" t="s">
        <v>2985</v>
      </c>
      <c r="G125" s="1" t="s">
        <v>2984</v>
      </c>
      <c r="H125" s="1" t="s">
        <v>2985</v>
      </c>
    </row>
    <row r="126" spans="1:8" x14ac:dyDescent="0.25">
      <c r="A126" s="5" t="s">
        <v>431</v>
      </c>
      <c r="B126" s="7" t="s">
        <v>2987</v>
      </c>
      <c r="C126" s="3" t="s">
        <v>2988</v>
      </c>
      <c r="D126" s="3" t="s">
        <v>2989</v>
      </c>
      <c r="E126" s="3" t="s">
        <v>2990</v>
      </c>
      <c r="F126" s="3" t="s">
        <v>2991</v>
      </c>
      <c r="G126" s="3" t="s">
        <v>64</v>
      </c>
      <c r="H126" s="3" t="s">
        <v>64</v>
      </c>
    </row>
    <row r="127" spans="1:8" x14ac:dyDescent="0.25">
      <c r="A127" s="4" t="s">
        <v>433</v>
      </c>
      <c r="B127" s="6" t="s">
        <v>2881</v>
      </c>
      <c r="C127" s="2" t="s">
        <v>2992</v>
      </c>
      <c r="D127" s="2" t="s">
        <v>2993</v>
      </c>
      <c r="E127" s="2" t="s">
        <v>2994</v>
      </c>
      <c r="F127" s="2" t="s">
        <v>2995</v>
      </c>
      <c r="G127" s="2" t="s">
        <v>64</v>
      </c>
      <c r="H127" s="2" t="s">
        <v>64</v>
      </c>
    </row>
    <row r="128" spans="1:8" x14ac:dyDescent="0.25">
      <c r="A128" s="4" t="s">
        <v>446</v>
      </c>
      <c r="B128" s="6" t="s">
        <v>2996</v>
      </c>
      <c r="C128" s="2" t="s">
        <v>2997</v>
      </c>
      <c r="D128" s="2" t="s">
        <v>484</v>
      </c>
      <c r="E128" s="2" t="s">
        <v>2998</v>
      </c>
      <c r="F128" s="2" t="s">
        <v>487</v>
      </c>
      <c r="G128" s="2" t="s">
        <v>64</v>
      </c>
      <c r="H128" s="2" t="s">
        <v>64</v>
      </c>
    </row>
    <row r="129" spans="1:8" x14ac:dyDescent="0.25">
      <c r="A129" s="4" t="s">
        <v>457</v>
      </c>
      <c r="B129" s="6" t="s">
        <v>2886</v>
      </c>
      <c r="C129" s="2" t="s">
        <v>2999</v>
      </c>
      <c r="D129" s="2" t="s">
        <v>3000</v>
      </c>
      <c r="E129" s="2" t="s">
        <v>3001</v>
      </c>
      <c r="F129" s="2" t="s">
        <v>3002</v>
      </c>
      <c r="G129" s="2" t="s">
        <v>64</v>
      </c>
      <c r="H129" s="2" t="s">
        <v>64</v>
      </c>
    </row>
    <row r="130" spans="1:8" x14ac:dyDescent="0.25">
      <c r="A130" s="4" t="s">
        <v>468</v>
      </c>
      <c r="B130" s="6" t="s">
        <v>3003</v>
      </c>
      <c r="C130" s="2" t="s">
        <v>3004</v>
      </c>
      <c r="D130" s="2" t="s">
        <v>3005</v>
      </c>
      <c r="E130" s="2" t="s">
        <v>3006</v>
      </c>
      <c r="F130" s="2" t="s">
        <v>3007</v>
      </c>
      <c r="G130" s="2" t="s">
        <v>64</v>
      </c>
      <c r="H130" s="2" t="s">
        <v>64</v>
      </c>
    </row>
    <row r="131" spans="1:8" x14ac:dyDescent="0.25">
      <c r="A131" s="4" t="s">
        <v>479</v>
      </c>
      <c r="B131" s="6" t="s">
        <v>3008</v>
      </c>
      <c r="C131" s="2" t="s">
        <v>503</v>
      </c>
      <c r="D131" s="2" t="s">
        <v>503</v>
      </c>
      <c r="E131" s="2" t="s">
        <v>3009</v>
      </c>
      <c r="F131" s="2" t="s">
        <v>506</v>
      </c>
      <c r="G131" s="2" t="s">
        <v>64</v>
      </c>
      <c r="H131" s="2" t="s">
        <v>64</v>
      </c>
    </row>
    <row r="132" spans="1:8" x14ac:dyDescent="0.25">
      <c r="A132" s="4" t="s">
        <v>489</v>
      </c>
      <c r="B132" s="6" t="s">
        <v>3010</v>
      </c>
      <c r="C132" s="2" t="s">
        <v>3011</v>
      </c>
      <c r="D132" s="2" t="s">
        <v>3012</v>
      </c>
      <c r="E132" s="2" t="s">
        <v>3013</v>
      </c>
      <c r="F132" s="2" t="s">
        <v>3014</v>
      </c>
      <c r="G132" s="2" t="s">
        <v>64</v>
      </c>
      <c r="H132" s="2" t="s">
        <v>64</v>
      </c>
    </row>
    <row r="133" spans="1:8" x14ac:dyDescent="0.25">
      <c r="A133" s="4" t="s">
        <v>500</v>
      </c>
      <c r="B133" s="6" t="s">
        <v>3015</v>
      </c>
      <c r="C133" s="2" t="s">
        <v>3016</v>
      </c>
      <c r="D133" s="2" t="s">
        <v>3017</v>
      </c>
      <c r="E133" s="2" t="s">
        <v>3018</v>
      </c>
      <c r="F133" s="2" t="s">
        <v>3019</v>
      </c>
      <c r="G133" s="2" t="s">
        <v>64</v>
      </c>
      <c r="H133" s="2" t="s">
        <v>64</v>
      </c>
    </row>
  </sheetData>
  <mergeCells count="48">
    <mergeCell ref="A3:I3"/>
    <mergeCell ref="A4:I4"/>
    <mergeCell ref="A5:I5"/>
    <mergeCell ref="A6:I6"/>
    <mergeCell ref="A7:I7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70:A71"/>
    <mergeCell ref="B70:B71"/>
    <mergeCell ref="C70:C71"/>
    <mergeCell ref="A74:A75"/>
    <mergeCell ref="B74:B75"/>
    <mergeCell ref="C74:C75"/>
    <mergeCell ref="A78:A79"/>
    <mergeCell ref="B78:B79"/>
    <mergeCell ref="A83:A84"/>
    <mergeCell ref="B83:B84"/>
    <mergeCell ref="C83:C84"/>
    <mergeCell ref="A87:A88"/>
    <mergeCell ref="B87:B88"/>
    <mergeCell ref="C87:C88"/>
    <mergeCell ref="A91:A92"/>
    <mergeCell ref="B91:B92"/>
    <mergeCell ref="C91:D91"/>
    <mergeCell ref="A101:A102"/>
    <mergeCell ref="B101:B102"/>
    <mergeCell ref="C101:C102"/>
    <mergeCell ref="A105:A106"/>
    <mergeCell ref="B105:B106"/>
    <mergeCell ref="C105:C106"/>
    <mergeCell ref="A113:A114"/>
    <mergeCell ref="B113:B114"/>
    <mergeCell ref="C113:C114"/>
    <mergeCell ref="A117:A118"/>
    <mergeCell ref="B117:B118"/>
    <mergeCell ref="C117:C118"/>
    <mergeCell ref="A124:A125"/>
    <mergeCell ref="B124:B125"/>
    <mergeCell ref="C124:D124"/>
    <mergeCell ref="E124:F124"/>
    <mergeCell ref="G124:H124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>
      <selection activeCell="A7" sqref="A7:N7"/>
    </sheetView>
  </sheetViews>
  <sheetFormatPr defaultRowHeight="15" x14ac:dyDescent="0.25"/>
  <cols>
    <col min="1" max="1" width="3.28515625" bestFit="1" customWidth="1"/>
    <col min="2" max="2" width="52.5703125" bestFit="1" customWidth="1"/>
    <col min="3" max="3" width="13.140625" bestFit="1" customWidth="1"/>
    <col min="4" max="5" width="14.28515625" bestFit="1" customWidth="1"/>
    <col min="6" max="6" width="11.85546875" bestFit="1" customWidth="1"/>
    <col min="7" max="8" width="13.140625" bestFit="1" customWidth="1"/>
    <col min="9" max="9" width="15.42578125" bestFit="1" customWidth="1"/>
    <col min="10" max="13" width="14.28515625" bestFit="1" customWidth="1"/>
    <col min="14" max="14" width="22.28515625" bestFit="1" customWidth="1"/>
  </cols>
  <sheetData>
    <row r="3" spans="1:14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</row>
    <row r="4" spans="1:14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</row>
    <row r="5" spans="1:14" x14ac:dyDescent="0.25">
      <c r="A5" s="12" t="s">
        <v>3020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</row>
    <row r="6" spans="1:14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</row>
    <row r="7" spans="1:14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</row>
    <row r="9" spans="1:14" x14ac:dyDescent="0.25">
      <c r="A9" s="9" t="s">
        <v>302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</row>
    <row r="10" spans="1:14" x14ac:dyDescent="0.25">
      <c r="A10" s="8" t="s">
        <v>6</v>
      </c>
      <c r="B10" s="8" t="s">
        <v>3022</v>
      </c>
      <c r="C10" s="8" t="s">
        <v>3023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3028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3035</v>
      </c>
    </row>
    <row r="11" spans="1:14" ht="42" x14ac:dyDescent="0.25">
      <c r="A11" s="8" t="s">
        <v>7</v>
      </c>
      <c r="B11" s="8" t="s">
        <v>7</v>
      </c>
      <c r="C11" s="1" t="s">
        <v>3024</v>
      </c>
      <c r="D11" s="1" t="s">
        <v>3025</v>
      </c>
      <c r="E11" s="1" t="s">
        <v>2876</v>
      </c>
      <c r="F11" s="1" t="s">
        <v>3026</v>
      </c>
      <c r="G11" s="1" t="s">
        <v>3027</v>
      </c>
      <c r="H11" s="1" t="s">
        <v>3029</v>
      </c>
      <c r="I11" s="1" t="s">
        <v>3030</v>
      </c>
      <c r="J11" s="1" t="s">
        <v>3031</v>
      </c>
      <c r="K11" s="1" t="s">
        <v>3032</v>
      </c>
      <c r="L11" s="1" t="s">
        <v>3033</v>
      </c>
      <c r="M11" s="1" t="s">
        <v>3034</v>
      </c>
      <c r="N11" s="8" t="s">
        <v>7</v>
      </c>
    </row>
    <row r="12" spans="1:14" x14ac:dyDescent="0.25">
      <c r="A12" s="5" t="s">
        <v>17</v>
      </c>
      <c r="B12" s="7" t="s">
        <v>3036</v>
      </c>
      <c r="C12" s="3" t="s">
        <v>3037</v>
      </c>
      <c r="D12" s="3" t="s">
        <v>3038</v>
      </c>
      <c r="E12" s="3" t="s">
        <v>2920</v>
      </c>
      <c r="F12" s="3" t="s">
        <v>3039</v>
      </c>
      <c r="G12" s="3" t="s">
        <v>3040</v>
      </c>
      <c r="H12" s="3" t="s">
        <v>3041</v>
      </c>
      <c r="I12" s="3" t="s">
        <v>3042</v>
      </c>
      <c r="J12" s="3" t="s">
        <v>2921</v>
      </c>
      <c r="K12" s="3" t="s">
        <v>2922</v>
      </c>
      <c r="L12" s="3" t="s">
        <v>3043</v>
      </c>
      <c r="M12" s="3" t="s">
        <v>3044</v>
      </c>
      <c r="N12" s="3" t="s">
        <v>3045</v>
      </c>
    </row>
    <row r="13" spans="1:14" x14ac:dyDescent="0.25">
      <c r="A13" s="4" t="s">
        <v>26</v>
      </c>
      <c r="B13" s="6" t="s">
        <v>3046</v>
      </c>
      <c r="C13" s="2" t="s">
        <v>3037</v>
      </c>
      <c r="D13" s="2" t="s">
        <v>3047</v>
      </c>
      <c r="E13" s="2" t="s">
        <v>3048</v>
      </c>
      <c r="F13" s="2" t="s">
        <v>3049</v>
      </c>
      <c r="G13" s="2" t="s">
        <v>3050</v>
      </c>
      <c r="H13" s="2" t="s">
        <v>3041</v>
      </c>
      <c r="I13" s="2" t="s">
        <v>3051</v>
      </c>
      <c r="J13" s="2" t="s">
        <v>3052</v>
      </c>
      <c r="K13" s="2" t="s">
        <v>3053</v>
      </c>
      <c r="L13" s="2" t="s">
        <v>3054</v>
      </c>
      <c r="M13" s="2" t="s">
        <v>3055</v>
      </c>
      <c r="N13" s="2" t="s">
        <v>3056</v>
      </c>
    </row>
    <row r="14" spans="1:14" x14ac:dyDescent="0.25">
      <c r="A14" s="5" t="s">
        <v>35</v>
      </c>
      <c r="B14" s="7" t="s">
        <v>3057</v>
      </c>
      <c r="C14" s="3" t="s">
        <v>64</v>
      </c>
      <c r="D14" s="3" t="s">
        <v>3058</v>
      </c>
      <c r="E14" s="3" t="s">
        <v>3058</v>
      </c>
      <c r="F14" s="3" t="s">
        <v>64</v>
      </c>
      <c r="G14" s="3" t="s">
        <v>64</v>
      </c>
      <c r="H14" s="3" t="s">
        <v>64</v>
      </c>
      <c r="I14" s="3" t="s">
        <v>3059</v>
      </c>
      <c r="J14" s="3" t="s">
        <v>3060</v>
      </c>
      <c r="K14" s="3" t="s">
        <v>3060</v>
      </c>
      <c r="L14" s="3" t="s">
        <v>3061</v>
      </c>
      <c r="M14" s="3" t="s">
        <v>64</v>
      </c>
      <c r="N14" s="3" t="s">
        <v>64</v>
      </c>
    </row>
    <row r="15" spans="1:14" x14ac:dyDescent="0.25">
      <c r="A15" s="4" t="s">
        <v>44</v>
      </c>
      <c r="B15" s="6" t="s">
        <v>3062</v>
      </c>
      <c r="C15" s="2" t="s">
        <v>64</v>
      </c>
      <c r="D15" s="2" t="s">
        <v>3063</v>
      </c>
      <c r="E15" s="2" t="s">
        <v>3063</v>
      </c>
      <c r="F15" s="2" t="s">
        <v>64</v>
      </c>
      <c r="G15" s="2" t="s">
        <v>64</v>
      </c>
      <c r="H15" s="2" t="s">
        <v>64</v>
      </c>
      <c r="I15" s="2" t="s">
        <v>64</v>
      </c>
      <c r="J15" s="2" t="s">
        <v>64</v>
      </c>
      <c r="K15" s="2" t="s">
        <v>64</v>
      </c>
      <c r="L15" s="2" t="s">
        <v>64</v>
      </c>
      <c r="M15" s="2" t="s">
        <v>64</v>
      </c>
      <c r="N15" s="2" t="s">
        <v>64</v>
      </c>
    </row>
    <row r="16" spans="1:14" x14ac:dyDescent="0.25">
      <c r="A16" s="4" t="s">
        <v>53</v>
      </c>
      <c r="B16" s="6" t="s">
        <v>3064</v>
      </c>
      <c r="C16" s="2" t="s">
        <v>64</v>
      </c>
      <c r="D16" s="2" t="s">
        <v>3065</v>
      </c>
      <c r="E16" s="2" t="s">
        <v>3065</v>
      </c>
      <c r="F16" s="2" t="s">
        <v>64</v>
      </c>
      <c r="G16" s="2" t="s">
        <v>64</v>
      </c>
      <c r="H16" s="2" t="s">
        <v>64</v>
      </c>
      <c r="I16" s="2" t="s">
        <v>3066</v>
      </c>
      <c r="J16" s="2" t="s">
        <v>3067</v>
      </c>
      <c r="K16" s="2" t="s">
        <v>3067</v>
      </c>
      <c r="L16" s="2" t="s">
        <v>3061</v>
      </c>
      <c r="M16" s="2" t="s">
        <v>64</v>
      </c>
      <c r="N16" s="2" t="s">
        <v>64</v>
      </c>
    </row>
    <row r="17" spans="1:14" x14ac:dyDescent="0.25">
      <c r="A17" s="4" t="s">
        <v>62</v>
      </c>
      <c r="B17" s="6" t="s">
        <v>3068</v>
      </c>
      <c r="C17" s="2" t="s">
        <v>64</v>
      </c>
      <c r="D17" s="2" t="s">
        <v>3069</v>
      </c>
      <c r="E17" s="2" t="s">
        <v>3069</v>
      </c>
      <c r="F17" s="2" t="s">
        <v>64</v>
      </c>
      <c r="G17" s="2" t="s">
        <v>64</v>
      </c>
      <c r="H17" s="2" t="s">
        <v>64</v>
      </c>
      <c r="I17" s="2" t="s">
        <v>3070</v>
      </c>
      <c r="J17" s="2" t="s">
        <v>3070</v>
      </c>
      <c r="K17" s="2" t="s">
        <v>3070</v>
      </c>
      <c r="L17" s="2" t="s">
        <v>64</v>
      </c>
      <c r="M17" s="2" t="s">
        <v>64</v>
      </c>
      <c r="N17" s="2" t="s">
        <v>64</v>
      </c>
    </row>
    <row r="18" spans="1:14" x14ac:dyDescent="0.25">
      <c r="A18" s="5" t="s">
        <v>65</v>
      </c>
      <c r="B18" s="7" t="s">
        <v>3071</v>
      </c>
      <c r="C18" s="3" t="s">
        <v>64</v>
      </c>
      <c r="D18" s="3" t="s">
        <v>3072</v>
      </c>
      <c r="E18" s="3" t="s">
        <v>3073</v>
      </c>
      <c r="F18" s="3" t="s">
        <v>3074</v>
      </c>
      <c r="G18" s="3" t="s">
        <v>64</v>
      </c>
      <c r="H18" s="3" t="s">
        <v>64</v>
      </c>
      <c r="I18" s="3" t="s">
        <v>3075</v>
      </c>
      <c r="J18" s="3" t="s">
        <v>3076</v>
      </c>
      <c r="K18" s="3" t="s">
        <v>3076</v>
      </c>
      <c r="L18" s="3" t="s">
        <v>3077</v>
      </c>
      <c r="M18" s="3" t="s">
        <v>3078</v>
      </c>
      <c r="N18" s="3" t="s">
        <v>3078</v>
      </c>
    </row>
    <row r="19" spans="1:14" x14ac:dyDescent="0.25">
      <c r="A19" s="4" t="s">
        <v>74</v>
      </c>
      <c r="B19" s="6" t="s">
        <v>3079</v>
      </c>
      <c r="C19" s="2" t="s">
        <v>64</v>
      </c>
      <c r="D19" s="2" t="s">
        <v>3080</v>
      </c>
      <c r="E19" s="2" t="s">
        <v>3081</v>
      </c>
      <c r="F19" s="2" t="s">
        <v>3082</v>
      </c>
      <c r="G19" s="2" t="s">
        <v>64</v>
      </c>
      <c r="H19" s="2" t="s">
        <v>64</v>
      </c>
      <c r="I19" s="2" t="s">
        <v>64</v>
      </c>
      <c r="J19" s="2" t="s">
        <v>64</v>
      </c>
      <c r="K19" s="2" t="s">
        <v>64</v>
      </c>
      <c r="L19" s="2" t="s">
        <v>64</v>
      </c>
      <c r="M19" s="2" t="s">
        <v>64</v>
      </c>
      <c r="N19" s="2" t="s">
        <v>64</v>
      </c>
    </row>
    <row r="20" spans="1:14" x14ac:dyDescent="0.25">
      <c r="A20" s="4" t="s">
        <v>76</v>
      </c>
      <c r="B20" s="6" t="s">
        <v>3083</v>
      </c>
      <c r="C20" s="2" t="s">
        <v>64</v>
      </c>
      <c r="D20" s="2" t="s">
        <v>3084</v>
      </c>
      <c r="E20" s="2" t="s">
        <v>3085</v>
      </c>
      <c r="F20" s="2" t="s">
        <v>3086</v>
      </c>
      <c r="G20" s="2" t="s">
        <v>64</v>
      </c>
      <c r="H20" s="2" t="s">
        <v>64</v>
      </c>
      <c r="I20" s="2" t="s">
        <v>3075</v>
      </c>
      <c r="J20" s="2" t="s">
        <v>3076</v>
      </c>
      <c r="K20" s="2" t="s">
        <v>3076</v>
      </c>
      <c r="L20" s="2" t="s">
        <v>3077</v>
      </c>
      <c r="M20" s="2" t="s">
        <v>3078</v>
      </c>
      <c r="N20" s="2" t="s">
        <v>3078</v>
      </c>
    </row>
    <row r="21" spans="1:14" x14ac:dyDescent="0.25">
      <c r="A21" s="5" t="s">
        <v>78</v>
      </c>
      <c r="B21" s="7" t="s">
        <v>3087</v>
      </c>
      <c r="C21" s="3" t="s">
        <v>64</v>
      </c>
      <c r="D21" s="3" t="s">
        <v>3088</v>
      </c>
      <c r="E21" s="3" t="s">
        <v>3089</v>
      </c>
      <c r="F21" s="3" t="s">
        <v>64</v>
      </c>
      <c r="G21" s="3" t="s">
        <v>3090</v>
      </c>
      <c r="H21" s="3" t="s">
        <v>64</v>
      </c>
      <c r="I21" s="3" t="s">
        <v>3091</v>
      </c>
      <c r="J21" s="3" t="s">
        <v>3092</v>
      </c>
      <c r="K21" s="3" t="s">
        <v>3092</v>
      </c>
      <c r="L21" s="3" t="s">
        <v>3093</v>
      </c>
      <c r="M21" s="3" t="s">
        <v>3094</v>
      </c>
      <c r="N21" s="3" t="s">
        <v>3095</v>
      </c>
    </row>
    <row r="22" spans="1:14" x14ac:dyDescent="0.25">
      <c r="A22" s="4" t="s">
        <v>80</v>
      </c>
      <c r="B22" s="6" t="s">
        <v>3096</v>
      </c>
      <c r="C22" s="2" t="s">
        <v>64</v>
      </c>
      <c r="D22" s="2" t="s">
        <v>3088</v>
      </c>
      <c r="E22" s="2" t="s">
        <v>3089</v>
      </c>
      <c r="F22" s="2" t="s">
        <v>64</v>
      </c>
      <c r="G22" s="2" t="s">
        <v>3090</v>
      </c>
      <c r="H22" s="2" t="s">
        <v>64</v>
      </c>
      <c r="I22" s="2" t="s">
        <v>3097</v>
      </c>
      <c r="J22" s="2" t="s">
        <v>3098</v>
      </c>
      <c r="K22" s="2" t="s">
        <v>3098</v>
      </c>
      <c r="L22" s="2" t="s">
        <v>3099</v>
      </c>
      <c r="M22" s="2" t="s">
        <v>3100</v>
      </c>
      <c r="N22" s="2" t="s">
        <v>3101</v>
      </c>
    </row>
    <row r="23" spans="1:14" x14ac:dyDescent="0.25">
      <c r="A23" s="4" t="s">
        <v>82</v>
      </c>
      <c r="B23" s="6" t="s">
        <v>3102</v>
      </c>
      <c r="C23" s="2" t="s">
        <v>64</v>
      </c>
      <c r="D23" s="2" t="s">
        <v>64</v>
      </c>
      <c r="E23" s="2" t="s">
        <v>64</v>
      </c>
      <c r="F23" s="2" t="s">
        <v>64</v>
      </c>
      <c r="G23" s="2" t="s">
        <v>64</v>
      </c>
      <c r="H23" s="2" t="s">
        <v>64</v>
      </c>
      <c r="I23" s="2" t="s">
        <v>3103</v>
      </c>
      <c r="J23" s="2" t="s">
        <v>3104</v>
      </c>
      <c r="K23" s="2" t="s">
        <v>3104</v>
      </c>
      <c r="L23" s="2" t="s">
        <v>3105</v>
      </c>
      <c r="M23" s="2" t="s">
        <v>3106</v>
      </c>
      <c r="N23" s="2" t="s">
        <v>3106</v>
      </c>
    </row>
    <row r="24" spans="1:14" x14ac:dyDescent="0.25">
      <c r="A24" s="4" t="s">
        <v>91</v>
      </c>
      <c r="B24" s="6" t="s">
        <v>3107</v>
      </c>
      <c r="C24" s="2" t="s">
        <v>64</v>
      </c>
      <c r="D24" s="2" t="s">
        <v>64</v>
      </c>
      <c r="E24" s="2" t="s">
        <v>64</v>
      </c>
      <c r="F24" s="2" t="s">
        <v>64</v>
      </c>
      <c r="G24" s="2" t="s">
        <v>64</v>
      </c>
      <c r="H24" s="2" t="s">
        <v>64</v>
      </c>
      <c r="I24" s="2" t="s">
        <v>64</v>
      </c>
      <c r="J24" s="2" t="s">
        <v>64</v>
      </c>
      <c r="K24" s="2" t="s">
        <v>64</v>
      </c>
      <c r="L24" s="2" t="s">
        <v>64</v>
      </c>
      <c r="M24" s="2" t="s">
        <v>64</v>
      </c>
      <c r="N24" s="2" t="s">
        <v>64</v>
      </c>
    </row>
    <row r="25" spans="1:14" x14ac:dyDescent="0.25">
      <c r="A25" s="4" t="s">
        <v>100</v>
      </c>
      <c r="B25" s="6" t="s">
        <v>3108</v>
      </c>
      <c r="C25" s="2" t="s">
        <v>64</v>
      </c>
      <c r="D25" s="2" t="s">
        <v>3109</v>
      </c>
      <c r="E25" s="2" t="s">
        <v>3110</v>
      </c>
      <c r="F25" s="2" t="s">
        <v>3111</v>
      </c>
      <c r="G25" s="2" t="s">
        <v>64</v>
      </c>
      <c r="H25" s="2" t="s">
        <v>64</v>
      </c>
      <c r="I25" s="2" t="s">
        <v>3112</v>
      </c>
      <c r="J25" s="2" t="s">
        <v>3113</v>
      </c>
      <c r="K25" s="2" t="s">
        <v>3113</v>
      </c>
      <c r="L25" s="2" t="s">
        <v>3114</v>
      </c>
      <c r="M25" s="2" t="s">
        <v>64</v>
      </c>
      <c r="N25" s="2" t="s">
        <v>64</v>
      </c>
    </row>
    <row r="26" spans="1:14" x14ac:dyDescent="0.25">
      <c r="A26" s="5" t="s">
        <v>109</v>
      </c>
      <c r="B26" s="7" t="s">
        <v>3115</v>
      </c>
      <c r="C26" s="3" t="s">
        <v>3116</v>
      </c>
      <c r="D26" s="3" t="s">
        <v>3117</v>
      </c>
      <c r="E26" s="3" t="s">
        <v>3118</v>
      </c>
      <c r="F26" s="3" t="s">
        <v>3119</v>
      </c>
      <c r="G26" s="3" t="s">
        <v>3120</v>
      </c>
      <c r="H26" s="3" t="s">
        <v>3121</v>
      </c>
      <c r="I26" s="3" t="s">
        <v>3122</v>
      </c>
      <c r="J26" s="3" t="s">
        <v>3123</v>
      </c>
      <c r="K26" s="3" t="s">
        <v>3124</v>
      </c>
      <c r="L26" s="3" t="s">
        <v>64</v>
      </c>
      <c r="M26" s="3" t="s">
        <v>3125</v>
      </c>
      <c r="N26" s="3" t="s">
        <v>3126</v>
      </c>
    </row>
    <row r="27" spans="1:14" x14ac:dyDescent="0.25">
      <c r="A27" s="4" t="s">
        <v>111</v>
      </c>
      <c r="B27" s="6" t="s">
        <v>3127</v>
      </c>
      <c r="C27" s="2" t="s">
        <v>3116</v>
      </c>
      <c r="D27" s="2" t="s">
        <v>3128</v>
      </c>
      <c r="E27" s="2" t="s">
        <v>3129</v>
      </c>
      <c r="F27" s="2" t="s">
        <v>3119</v>
      </c>
      <c r="G27" s="2" t="s">
        <v>3120</v>
      </c>
      <c r="H27" s="2" t="s">
        <v>3121</v>
      </c>
      <c r="I27" s="2" t="s">
        <v>3122</v>
      </c>
      <c r="J27" s="2" t="s">
        <v>3123</v>
      </c>
      <c r="K27" s="2" t="s">
        <v>3124</v>
      </c>
      <c r="L27" s="2" t="s">
        <v>64</v>
      </c>
      <c r="M27" s="2" t="s">
        <v>3125</v>
      </c>
      <c r="N27" s="2" t="s">
        <v>3126</v>
      </c>
    </row>
    <row r="28" spans="1:14" x14ac:dyDescent="0.25">
      <c r="A28" s="5" t="s">
        <v>119</v>
      </c>
      <c r="B28" s="7" t="s">
        <v>3130</v>
      </c>
      <c r="C28" s="3" t="s">
        <v>64</v>
      </c>
      <c r="D28" s="3" t="s">
        <v>3131</v>
      </c>
      <c r="E28" s="3" t="s">
        <v>3131</v>
      </c>
      <c r="F28" s="3" t="s">
        <v>64</v>
      </c>
      <c r="G28" s="3" t="s">
        <v>64</v>
      </c>
      <c r="H28" s="3" t="s">
        <v>64</v>
      </c>
      <c r="I28" s="3" t="s">
        <v>64</v>
      </c>
      <c r="J28" s="3" t="s">
        <v>64</v>
      </c>
      <c r="K28" s="3" t="s">
        <v>64</v>
      </c>
      <c r="L28" s="3" t="s">
        <v>64</v>
      </c>
      <c r="M28" s="3" t="s">
        <v>64</v>
      </c>
      <c r="N28" s="3" t="s">
        <v>64</v>
      </c>
    </row>
    <row r="29" spans="1:14" x14ac:dyDescent="0.25">
      <c r="A29" s="4" t="s">
        <v>121</v>
      </c>
      <c r="B29" s="6" t="s">
        <v>3062</v>
      </c>
      <c r="C29" s="2" t="s">
        <v>64</v>
      </c>
      <c r="D29" s="2" t="s">
        <v>3132</v>
      </c>
      <c r="E29" s="2" t="s">
        <v>3132</v>
      </c>
      <c r="F29" s="2" t="s">
        <v>64</v>
      </c>
      <c r="G29" s="2" t="s">
        <v>64</v>
      </c>
      <c r="H29" s="2" t="s">
        <v>64</v>
      </c>
      <c r="I29" s="2" t="s">
        <v>64</v>
      </c>
      <c r="J29" s="2" t="s">
        <v>64</v>
      </c>
      <c r="K29" s="2" t="s">
        <v>64</v>
      </c>
      <c r="L29" s="2" t="s">
        <v>64</v>
      </c>
      <c r="M29" s="2" t="s">
        <v>64</v>
      </c>
      <c r="N29" s="2" t="s">
        <v>64</v>
      </c>
    </row>
    <row r="30" spans="1:14" x14ac:dyDescent="0.25">
      <c r="A30" s="4" t="s">
        <v>128</v>
      </c>
      <c r="B30" s="6" t="s">
        <v>3064</v>
      </c>
      <c r="C30" s="2" t="s">
        <v>64</v>
      </c>
      <c r="D30" s="2" t="s">
        <v>3133</v>
      </c>
      <c r="E30" s="2" t="s">
        <v>3133</v>
      </c>
      <c r="F30" s="2" t="s">
        <v>64</v>
      </c>
      <c r="G30" s="2" t="s">
        <v>64</v>
      </c>
      <c r="H30" s="2" t="s">
        <v>64</v>
      </c>
      <c r="I30" s="2" t="s">
        <v>64</v>
      </c>
      <c r="J30" s="2" t="s">
        <v>64</v>
      </c>
      <c r="K30" s="2" t="s">
        <v>64</v>
      </c>
      <c r="L30" s="2" t="s">
        <v>64</v>
      </c>
      <c r="M30" s="2" t="s">
        <v>64</v>
      </c>
      <c r="N30" s="2" t="s">
        <v>64</v>
      </c>
    </row>
    <row r="31" spans="1:14" x14ac:dyDescent="0.25">
      <c r="A31" s="4" t="s">
        <v>130</v>
      </c>
      <c r="B31" s="6" t="s">
        <v>3068</v>
      </c>
      <c r="C31" s="2" t="s">
        <v>64</v>
      </c>
      <c r="D31" s="2" t="s">
        <v>64</v>
      </c>
      <c r="E31" s="2" t="s">
        <v>64</v>
      </c>
      <c r="F31" s="2" t="s">
        <v>64</v>
      </c>
      <c r="G31" s="2" t="s">
        <v>64</v>
      </c>
      <c r="H31" s="2" t="s">
        <v>64</v>
      </c>
      <c r="I31" s="2" t="s">
        <v>64</v>
      </c>
      <c r="J31" s="2" t="s">
        <v>64</v>
      </c>
      <c r="K31" s="2" t="s">
        <v>64</v>
      </c>
      <c r="L31" s="2" t="s">
        <v>64</v>
      </c>
      <c r="M31" s="2" t="s">
        <v>64</v>
      </c>
      <c r="N31" s="2" t="s">
        <v>64</v>
      </c>
    </row>
    <row r="32" spans="1:14" x14ac:dyDescent="0.25">
      <c r="A32" s="5" t="s">
        <v>132</v>
      </c>
      <c r="B32" s="7" t="s">
        <v>3134</v>
      </c>
      <c r="C32" s="3" t="s">
        <v>64</v>
      </c>
      <c r="D32" s="3" t="s">
        <v>3135</v>
      </c>
      <c r="E32" s="3" t="s">
        <v>3135</v>
      </c>
      <c r="F32" s="3" t="s">
        <v>64</v>
      </c>
      <c r="G32" s="3" t="s">
        <v>64</v>
      </c>
      <c r="H32" s="3" t="s">
        <v>64</v>
      </c>
      <c r="I32" s="3" t="s">
        <v>64</v>
      </c>
      <c r="J32" s="3" t="s">
        <v>64</v>
      </c>
      <c r="K32" s="3" t="s">
        <v>64</v>
      </c>
      <c r="L32" s="3" t="s">
        <v>64</v>
      </c>
      <c r="M32" s="3" t="s">
        <v>64</v>
      </c>
      <c r="N32" s="3" t="s">
        <v>64</v>
      </c>
    </row>
    <row r="33" spans="1:14" x14ac:dyDescent="0.25">
      <c r="A33" s="4" t="s">
        <v>134</v>
      </c>
      <c r="B33" s="6" t="s">
        <v>3079</v>
      </c>
      <c r="C33" s="2" t="s">
        <v>64</v>
      </c>
      <c r="D33" s="2" t="s">
        <v>3135</v>
      </c>
      <c r="E33" s="2" t="s">
        <v>3135</v>
      </c>
      <c r="F33" s="2" t="s">
        <v>64</v>
      </c>
      <c r="G33" s="2" t="s">
        <v>64</v>
      </c>
      <c r="H33" s="2" t="s">
        <v>64</v>
      </c>
      <c r="I33" s="2" t="s">
        <v>64</v>
      </c>
      <c r="J33" s="2" t="s">
        <v>64</v>
      </c>
      <c r="K33" s="2" t="s">
        <v>64</v>
      </c>
      <c r="L33" s="2" t="s">
        <v>64</v>
      </c>
      <c r="M33" s="2" t="s">
        <v>64</v>
      </c>
      <c r="N33" s="2" t="s">
        <v>64</v>
      </c>
    </row>
    <row r="34" spans="1:14" x14ac:dyDescent="0.25">
      <c r="A34" s="4" t="s">
        <v>143</v>
      </c>
      <c r="B34" s="6" t="s">
        <v>3083</v>
      </c>
      <c r="C34" s="2" t="s">
        <v>64</v>
      </c>
      <c r="D34" s="2" t="s">
        <v>64</v>
      </c>
      <c r="E34" s="2" t="s">
        <v>64</v>
      </c>
      <c r="F34" s="2" t="s">
        <v>64</v>
      </c>
      <c r="G34" s="2" t="s">
        <v>64</v>
      </c>
      <c r="H34" s="2" t="s">
        <v>64</v>
      </c>
      <c r="I34" s="2" t="s">
        <v>64</v>
      </c>
      <c r="J34" s="2" t="s">
        <v>64</v>
      </c>
      <c r="K34" s="2" t="s">
        <v>64</v>
      </c>
      <c r="L34" s="2" t="s">
        <v>64</v>
      </c>
      <c r="M34" s="2" t="s">
        <v>64</v>
      </c>
      <c r="N34" s="2" t="s">
        <v>64</v>
      </c>
    </row>
    <row r="35" spans="1:14" x14ac:dyDescent="0.25">
      <c r="A35" s="5" t="s">
        <v>152</v>
      </c>
      <c r="B35" s="7" t="s">
        <v>3087</v>
      </c>
      <c r="C35" s="3" t="s">
        <v>64</v>
      </c>
      <c r="D35" s="3" t="s">
        <v>64</v>
      </c>
      <c r="E35" s="3" t="s">
        <v>64</v>
      </c>
      <c r="F35" s="3" t="s">
        <v>64</v>
      </c>
      <c r="G35" s="3" t="s">
        <v>64</v>
      </c>
      <c r="H35" s="3" t="s">
        <v>64</v>
      </c>
      <c r="I35" s="3" t="s">
        <v>64</v>
      </c>
      <c r="J35" s="3" t="s">
        <v>64</v>
      </c>
      <c r="K35" s="3" t="s">
        <v>64</v>
      </c>
      <c r="L35" s="3" t="s">
        <v>64</v>
      </c>
      <c r="M35" s="3" t="s">
        <v>64</v>
      </c>
      <c r="N35" s="3" t="s">
        <v>64</v>
      </c>
    </row>
    <row r="36" spans="1:14" x14ac:dyDescent="0.25">
      <c r="A36" s="4" t="s">
        <v>160</v>
      </c>
      <c r="B36" s="6" t="s">
        <v>3096</v>
      </c>
      <c r="C36" s="2" t="s">
        <v>64</v>
      </c>
      <c r="D36" s="2" t="s">
        <v>64</v>
      </c>
      <c r="E36" s="2" t="s">
        <v>64</v>
      </c>
      <c r="F36" s="2" t="s">
        <v>64</v>
      </c>
      <c r="G36" s="2" t="s">
        <v>64</v>
      </c>
      <c r="H36" s="2" t="s">
        <v>64</v>
      </c>
      <c r="I36" s="2" t="s">
        <v>64</v>
      </c>
      <c r="J36" s="2" t="s">
        <v>64</v>
      </c>
      <c r="K36" s="2" t="s">
        <v>64</v>
      </c>
      <c r="L36" s="2" t="s">
        <v>64</v>
      </c>
      <c r="M36" s="2" t="s">
        <v>64</v>
      </c>
      <c r="N36" s="2" t="s">
        <v>64</v>
      </c>
    </row>
    <row r="37" spans="1:14" x14ac:dyDescent="0.25">
      <c r="A37" s="4" t="s">
        <v>168</v>
      </c>
      <c r="B37" s="6" t="s">
        <v>3102</v>
      </c>
      <c r="C37" s="2" t="s">
        <v>64</v>
      </c>
      <c r="D37" s="2" t="s">
        <v>64</v>
      </c>
      <c r="E37" s="2" t="s">
        <v>64</v>
      </c>
      <c r="F37" s="2" t="s">
        <v>64</v>
      </c>
      <c r="G37" s="2" t="s">
        <v>64</v>
      </c>
      <c r="H37" s="2" t="s">
        <v>64</v>
      </c>
      <c r="I37" s="2" t="s">
        <v>64</v>
      </c>
      <c r="J37" s="2" t="s">
        <v>64</v>
      </c>
      <c r="K37" s="2" t="s">
        <v>64</v>
      </c>
      <c r="L37" s="2" t="s">
        <v>64</v>
      </c>
      <c r="M37" s="2" t="s">
        <v>64</v>
      </c>
      <c r="N37" s="2" t="s">
        <v>64</v>
      </c>
    </row>
    <row r="38" spans="1:14" x14ac:dyDescent="0.25">
      <c r="A38" s="4" t="s">
        <v>170</v>
      </c>
      <c r="B38" s="6" t="s">
        <v>3107</v>
      </c>
      <c r="C38" s="2" t="s">
        <v>64</v>
      </c>
      <c r="D38" s="2" t="s">
        <v>64</v>
      </c>
      <c r="E38" s="2" t="s">
        <v>64</v>
      </c>
      <c r="F38" s="2" t="s">
        <v>64</v>
      </c>
      <c r="G38" s="2" t="s">
        <v>64</v>
      </c>
      <c r="H38" s="2" t="s">
        <v>64</v>
      </c>
      <c r="I38" s="2" t="s">
        <v>64</v>
      </c>
      <c r="J38" s="2" t="s">
        <v>64</v>
      </c>
      <c r="K38" s="2" t="s">
        <v>64</v>
      </c>
      <c r="L38" s="2" t="s">
        <v>64</v>
      </c>
      <c r="M38" s="2" t="s">
        <v>64</v>
      </c>
      <c r="N38" s="2" t="s">
        <v>64</v>
      </c>
    </row>
    <row r="39" spans="1:14" x14ac:dyDescent="0.25">
      <c r="A39" s="4" t="s">
        <v>178</v>
      </c>
      <c r="B39" s="6" t="s">
        <v>3108</v>
      </c>
      <c r="C39" s="2" t="s">
        <v>64</v>
      </c>
      <c r="D39" s="2" t="s">
        <v>3136</v>
      </c>
      <c r="E39" s="2" t="s">
        <v>3136</v>
      </c>
      <c r="F39" s="2" t="s">
        <v>64</v>
      </c>
      <c r="G39" s="2" t="s">
        <v>64</v>
      </c>
      <c r="H39" s="2" t="s">
        <v>64</v>
      </c>
      <c r="I39" s="2" t="s">
        <v>64</v>
      </c>
      <c r="J39" s="2" t="s">
        <v>64</v>
      </c>
      <c r="K39" s="2" t="s">
        <v>64</v>
      </c>
      <c r="L39" s="2" t="s">
        <v>64</v>
      </c>
      <c r="M39" s="2" t="s">
        <v>64</v>
      </c>
      <c r="N39" s="2" t="s">
        <v>64</v>
      </c>
    </row>
    <row r="40" spans="1:14" x14ac:dyDescent="0.25">
      <c r="A40" s="5" t="s">
        <v>187</v>
      </c>
      <c r="B40" s="7" t="s">
        <v>3137</v>
      </c>
      <c r="C40" s="3" t="s">
        <v>3138</v>
      </c>
      <c r="D40" s="3" t="s">
        <v>3139</v>
      </c>
      <c r="E40" s="3" t="s">
        <v>3140</v>
      </c>
      <c r="F40" s="3" t="s">
        <v>3141</v>
      </c>
      <c r="G40" s="3" t="s">
        <v>3142</v>
      </c>
      <c r="H40" s="3" t="s">
        <v>3143</v>
      </c>
      <c r="I40" s="3" t="s">
        <v>3144</v>
      </c>
      <c r="J40" s="3" t="s">
        <v>3145</v>
      </c>
      <c r="K40" s="3" t="s">
        <v>3146</v>
      </c>
      <c r="L40" s="3" t="s">
        <v>3043</v>
      </c>
      <c r="M40" s="3" t="s">
        <v>3147</v>
      </c>
      <c r="N40" s="3" t="s">
        <v>3148</v>
      </c>
    </row>
  </sheetData>
  <mergeCells count="11">
    <mergeCell ref="A3:N3"/>
    <mergeCell ref="A4:N4"/>
    <mergeCell ref="A5:N5"/>
    <mergeCell ref="A6:N6"/>
    <mergeCell ref="A7:N7"/>
    <mergeCell ref="A9:N9"/>
    <mergeCell ref="A10:A11"/>
    <mergeCell ref="B10:B11"/>
    <mergeCell ref="C10:G10"/>
    <mergeCell ref="H10:M10"/>
    <mergeCell ref="N10:N11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4"/>
  <sheetViews>
    <sheetView showGridLines="0" workbookViewId="0">
      <selection activeCell="B13" sqref="B13"/>
    </sheetView>
  </sheetViews>
  <sheetFormatPr defaultRowHeight="15" x14ac:dyDescent="0.25"/>
  <cols>
    <col min="1" max="1" width="4.42578125" bestFit="1" customWidth="1"/>
    <col min="2" max="2" width="150.7109375" bestFit="1" customWidth="1"/>
    <col min="3" max="3" width="20.7109375" bestFit="1" customWidth="1"/>
    <col min="4" max="4" width="23.42578125" bestFit="1" customWidth="1"/>
    <col min="5" max="5" width="15.42578125" bestFit="1" customWidth="1"/>
    <col min="6" max="6" width="15.140625" bestFit="1" customWidth="1"/>
    <col min="7" max="7" width="15.42578125" bestFit="1" customWidth="1"/>
    <col min="8" max="8" width="15.2851562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3149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3150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3151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798</v>
      </c>
      <c r="F11" s="1" t="s">
        <v>3152</v>
      </c>
    </row>
    <row r="12" spans="1:8" x14ac:dyDescent="0.25">
      <c r="A12" s="5" t="s">
        <v>17</v>
      </c>
      <c r="B12" s="7" t="s">
        <v>3153</v>
      </c>
      <c r="C12" s="3" t="s">
        <v>3154</v>
      </c>
      <c r="D12" s="3" t="s">
        <v>3155</v>
      </c>
      <c r="E12" s="3" t="s">
        <v>3156</v>
      </c>
      <c r="F12" s="3" t="s">
        <v>3157</v>
      </c>
    </row>
    <row r="13" spans="1:8" x14ac:dyDescent="0.25">
      <c r="A13" s="5" t="s">
        <v>26</v>
      </c>
      <c r="B13" s="7" t="s">
        <v>3158</v>
      </c>
      <c r="C13" s="3" t="s">
        <v>3159</v>
      </c>
      <c r="D13" s="3" t="s">
        <v>2178</v>
      </c>
      <c r="E13" s="3" t="s">
        <v>3160</v>
      </c>
      <c r="F13" s="3" t="s">
        <v>3161</v>
      </c>
    </row>
    <row r="14" spans="1:8" x14ac:dyDescent="0.25">
      <c r="A14" s="4" t="s">
        <v>35</v>
      </c>
      <c r="B14" s="6" t="s">
        <v>3162</v>
      </c>
      <c r="C14" s="2" t="s">
        <v>3163</v>
      </c>
      <c r="D14" s="2" t="s">
        <v>3163</v>
      </c>
      <c r="E14" s="2" t="s">
        <v>3164</v>
      </c>
      <c r="F14" s="2" t="s">
        <v>3165</v>
      </c>
    </row>
    <row r="15" spans="1:8" x14ac:dyDescent="0.25">
      <c r="A15" s="4" t="s">
        <v>44</v>
      </c>
      <c r="B15" s="6" t="s">
        <v>3166</v>
      </c>
      <c r="C15" s="2" t="s">
        <v>3167</v>
      </c>
      <c r="D15" s="2" t="s">
        <v>3168</v>
      </c>
      <c r="E15" s="2" t="s">
        <v>3169</v>
      </c>
      <c r="F15" s="2" t="s">
        <v>3170</v>
      </c>
    </row>
    <row r="16" spans="1:8" x14ac:dyDescent="0.25">
      <c r="A16" s="4" t="s">
        <v>53</v>
      </c>
      <c r="B16" s="6" t="s">
        <v>3171</v>
      </c>
      <c r="C16" s="2" t="s">
        <v>3172</v>
      </c>
      <c r="D16" s="2" t="s">
        <v>3172</v>
      </c>
      <c r="E16" s="2" t="s">
        <v>3173</v>
      </c>
      <c r="F16" s="2" t="s">
        <v>3174</v>
      </c>
    </row>
    <row r="17" spans="1:6" x14ac:dyDescent="0.25">
      <c r="A17" s="5" t="s">
        <v>62</v>
      </c>
      <c r="B17" s="7" t="s">
        <v>3175</v>
      </c>
      <c r="C17" s="3" t="s">
        <v>2208</v>
      </c>
      <c r="D17" s="3" t="s">
        <v>2208</v>
      </c>
      <c r="E17" s="3" t="s">
        <v>3176</v>
      </c>
      <c r="F17" s="3" t="s">
        <v>3177</v>
      </c>
    </row>
    <row r="18" spans="1:6" x14ac:dyDescent="0.25">
      <c r="A18" s="4" t="s">
        <v>65</v>
      </c>
      <c r="B18" s="6" t="s">
        <v>3178</v>
      </c>
      <c r="C18" s="2" t="s">
        <v>3179</v>
      </c>
      <c r="D18" s="2" t="s">
        <v>3179</v>
      </c>
      <c r="E18" s="2" t="s">
        <v>3180</v>
      </c>
      <c r="F18" s="2" t="s">
        <v>3181</v>
      </c>
    </row>
    <row r="19" spans="1:6" x14ac:dyDescent="0.25">
      <c r="A19" s="4" t="s">
        <v>74</v>
      </c>
      <c r="B19" s="6" t="s">
        <v>3182</v>
      </c>
      <c r="C19" s="2" t="s">
        <v>3183</v>
      </c>
      <c r="D19" s="2" t="s">
        <v>3183</v>
      </c>
      <c r="E19" s="2" t="s">
        <v>3184</v>
      </c>
      <c r="F19" s="2" t="s">
        <v>3185</v>
      </c>
    </row>
    <row r="20" spans="1:6" x14ac:dyDescent="0.25">
      <c r="A20" s="5" t="s">
        <v>76</v>
      </c>
      <c r="B20" s="7" t="s">
        <v>3186</v>
      </c>
      <c r="C20" s="3" t="s">
        <v>2193</v>
      </c>
      <c r="D20" s="3" t="s">
        <v>2193</v>
      </c>
      <c r="E20" s="3" t="s">
        <v>3187</v>
      </c>
      <c r="F20" s="3" t="s">
        <v>3188</v>
      </c>
    </row>
    <row r="21" spans="1:6" x14ac:dyDescent="0.25">
      <c r="A21" s="4" t="s">
        <v>78</v>
      </c>
      <c r="B21" s="6" t="s">
        <v>3189</v>
      </c>
      <c r="C21" s="2" t="s">
        <v>3190</v>
      </c>
      <c r="D21" s="2" t="s">
        <v>3190</v>
      </c>
      <c r="E21" s="2" t="s">
        <v>3191</v>
      </c>
      <c r="F21" s="2" t="s">
        <v>3192</v>
      </c>
    </row>
    <row r="22" spans="1:6" x14ac:dyDescent="0.25">
      <c r="A22" s="4" t="s">
        <v>80</v>
      </c>
      <c r="B22" s="6" t="s">
        <v>3193</v>
      </c>
      <c r="C22" s="2" t="s">
        <v>3194</v>
      </c>
      <c r="D22" s="2" t="s">
        <v>3194</v>
      </c>
      <c r="E22" s="2" t="s">
        <v>3195</v>
      </c>
      <c r="F22" s="2" t="s">
        <v>3196</v>
      </c>
    </row>
    <row r="23" spans="1:6" x14ac:dyDescent="0.25">
      <c r="A23" s="4" t="s">
        <v>82</v>
      </c>
      <c r="B23" s="6" t="s">
        <v>3197</v>
      </c>
      <c r="C23" s="2" t="s">
        <v>2223</v>
      </c>
      <c r="D23" s="2" t="s">
        <v>2223</v>
      </c>
      <c r="E23" s="2" t="s">
        <v>2819</v>
      </c>
      <c r="F23" s="2" t="s">
        <v>3198</v>
      </c>
    </row>
    <row r="24" spans="1:6" x14ac:dyDescent="0.25">
      <c r="A24" s="5" t="s">
        <v>91</v>
      </c>
      <c r="B24" s="7" t="s">
        <v>3199</v>
      </c>
      <c r="C24" s="3" t="s">
        <v>3200</v>
      </c>
      <c r="D24" s="3" t="s">
        <v>3200</v>
      </c>
      <c r="E24" s="3" t="s">
        <v>3201</v>
      </c>
      <c r="F24" s="3" t="s">
        <v>3202</v>
      </c>
    </row>
    <row r="25" spans="1:6" x14ac:dyDescent="0.25">
      <c r="A25" s="4" t="s">
        <v>100</v>
      </c>
      <c r="B25" s="6" t="s">
        <v>3203</v>
      </c>
      <c r="C25" s="2" t="s">
        <v>2335</v>
      </c>
      <c r="D25" s="2" t="s">
        <v>2335</v>
      </c>
      <c r="E25" s="2" t="s">
        <v>3204</v>
      </c>
      <c r="F25" s="2" t="s">
        <v>3205</v>
      </c>
    </row>
    <row r="26" spans="1:6" x14ac:dyDescent="0.25">
      <c r="A26" s="4" t="s">
        <v>109</v>
      </c>
      <c r="B26" s="6" t="s">
        <v>3206</v>
      </c>
      <c r="C26" s="2" t="s">
        <v>2340</v>
      </c>
      <c r="D26" s="2" t="s">
        <v>2340</v>
      </c>
      <c r="E26" s="2" t="s">
        <v>3207</v>
      </c>
      <c r="F26" s="2" t="s">
        <v>3208</v>
      </c>
    </row>
    <row r="27" spans="1:6" x14ac:dyDescent="0.25">
      <c r="A27" s="4" t="s">
        <v>111</v>
      </c>
      <c r="B27" s="6" t="s">
        <v>3209</v>
      </c>
      <c r="C27" s="2" t="s">
        <v>2355</v>
      </c>
      <c r="D27" s="2" t="s">
        <v>2355</v>
      </c>
      <c r="E27" s="2" t="s">
        <v>3210</v>
      </c>
      <c r="F27" s="2" t="s">
        <v>3211</v>
      </c>
    </row>
    <row r="28" spans="1:6" x14ac:dyDescent="0.25">
      <c r="A28" s="4" t="s">
        <v>119</v>
      </c>
      <c r="B28" s="6" t="s">
        <v>3212</v>
      </c>
      <c r="C28" s="2" t="s">
        <v>64</v>
      </c>
      <c r="D28" s="2" t="s">
        <v>64</v>
      </c>
      <c r="E28" s="2" t="s">
        <v>64</v>
      </c>
      <c r="F28" s="2" t="s">
        <v>64</v>
      </c>
    </row>
    <row r="29" spans="1:6" x14ac:dyDescent="0.25">
      <c r="A29" s="5" t="s">
        <v>121</v>
      </c>
      <c r="B29" s="7" t="s">
        <v>3213</v>
      </c>
      <c r="C29" s="3" t="s">
        <v>3214</v>
      </c>
      <c r="D29" s="3" t="s">
        <v>3215</v>
      </c>
      <c r="E29" s="3" t="s">
        <v>3216</v>
      </c>
      <c r="F29" s="3" t="s">
        <v>3217</v>
      </c>
    </row>
    <row r="30" spans="1:6" x14ac:dyDescent="0.25">
      <c r="A30" s="4" t="s">
        <v>128</v>
      </c>
      <c r="B30" s="6" t="s">
        <v>3218</v>
      </c>
      <c r="C30" s="2" t="s">
        <v>3219</v>
      </c>
      <c r="D30" s="2" t="s">
        <v>3220</v>
      </c>
      <c r="E30" s="2" t="s">
        <v>3221</v>
      </c>
      <c r="F30" s="2" t="s">
        <v>3222</v>
      </c>
    </row>
    <row r="31" spans="1:6" x14ac:dyDescent="0.25">
      <c r="A31" s="4" t="s">
        <v>130</v>
      </c>
      <c r="B31" s="6" t="s">
        <v>3223</v>
      </c>
      <c r="C31" s="2" t="s">
        <v>3224</v>
      </c>
      <c r="D31" s="2" t="s">
        <v>3224</v>
      </c>
      <c r="E31" s="2" t="s">
        <v>3225</v>
      </c>
      <c r="F31" s="2" t="s">
        <v>3188</v>
      </c>
    </row>
    <row r="32" spans="1:6" x14ac:dyDescent="0.25">
      <c r="A32" s="4" t="s">
        <v>132</v>
      </c>
      <c r="B32" s="6" t="s">
        <v>3226</v>
      </c>
      <c r="C32" s="2" t="s">
        <v>3227</v>
      </c>
      <c r="D32" s="2" t="s">
        <v>3227</v>
      </c>
      <c r="E32" s="2" t="s">
        <v>3228</v>
      </c>
      <c r="F32" s="2" t="s">
        <v>3211</v>
      </c>
    </row>
    <row r="33" spans="1:6" x14ac:dyDescent="0.25">
      <c r="A33" s="5" t="s">
        <v>134</v>
      </c>
      <c r="B33" s="7" t="s">
        <v>3229</v>
      </c>
      <c r="C33" s="3" t="s">
        <v>3230</v>
      </c>
      <c r="D33" s="3" t="s">
        <v>3231</v>
      </c>
      <c r="E33" s="3" t="s">
        <v>3232</v>
      </c>
      <c r="F33" s="3" t="s">
        <v>3233</v>
      </c>
    </row>
    <row r="35" spans="1:6" x14ac:dyDescent="0.25">
      <c r="A35" s="8" t="s">
        <v>6</v>
      </c>
      <c r="B35" s="8" t="s">
        <v>3234</v>
      </c>
      <c r="C35" s="8" t="s">
        <v>9</v>
      </c>
      <c r="D35" s="8" t="s">
        <v>10</v>
      </c>
      <c r="E35" s="8" t="s">
        <v>11</v>
      </c>
      <c r="F35" s="8" t="s">
        <v>11</v>
      </c>
    </row>
    <row r="36" spans="1:6" ht="21" x14ac:dyDescent="0.25">
      <c r="A36" s="8" t="s">
        <v>7</v>
      </c>
      <c r="B36" s="8" t="s">
        <v>7</v>
      </c>
      <c r="C36" s="8" t="s">
        <v>7</v>
      </c>
      <c r="D36" s="8" t="s">
        <v>7</v>
      </c>
      <c r="E36" s="1" t="s">
        <v>798</v>
      </c>
      <c r="F36" s="1" t="s">
        <v>3152</v>
      </c>
    </row>
    <row r="37" spans="1:6" x14ac:dyDescent="0.25">
      <c r="A37" s="4" t="s">
        <v>143</v>
      </c>
      <c r="B37" s="6" t="s">
        <v>3235</v>
      </c>
      <c r="C37" s="2" t="s">
        <v>64</v>
      </c>
      <c r="D37" s="2" t="s">
        <v>64</v>
      </c>
      <c r="E37" s="2" t="s">
        <v>64</v>
      </c>
      <c r="F37" s="2" t="s">
        <v>64</v>
      </c>
    </row>
    <row r="38" spans="1:6" x14ac:dyDescent="0.25">
      <c r="A38" s="5" t="s">
        <v>152</v>
      </c>
      <c r="B38" s="7" t="s">
        <v>3236</v>
      </c>
      <c r="C38" s="3" t="s">
        <v>3237</v>
      </c>
      <c r="D38" s="3" t="s">
        <v>3238</v>
      </c>
      <c r="E38" s="3" t="s">
        <v>3239</v>
      </c>
      <c r="F38" s="3" t="s">
        <v>3240</v>
      </c>
    </row>
    <row r="39" spans="1:6" x14ac:dyDescent="0.25">
      <c r="A39" s="4" t="s">
        <v>160</v>
      </c>
      <c r="B39" s="6" t="s">
        <v>3241</v>
      </c>
      <c r="C39" s="2" t="s">
        <v>3242</v>
      </c>
      <c r="D39" s="2" t="s">
        <v>3242</v>
      </c>
      <c r="E39" s="2" t="s">
        <v>3243</v>
      </c>
      <c r="F39" s="2" t="s">
        <v>3244</v>
      </c>
    </row>
    <row r="40" spans="1:6" x14ac:dyDescent="0.25">
      <c r="A40" s="4" t="s">
        <v>168</v>
      </c>
      <c r="B40" s="6" t="s">
        <v>3245</v>
      </c>
      <c r="C40" s="2" t="s">
        <v>1464</v>
      </c>
      <c r="D40" s="2" t="s">
        <v>1464</v>
      </c>
      <c r="E40" s="2" t="s">
        <v>3246</v>
      </c>
      <c r="F40" s="2" t="s">
        <v>3247</v>
      </c>
    </row>
    <row r="41" spans="1:6" x14ac:dyDescent="0.25">
      <c r="A41" s="4" t="s">
        <v>170</v>
      </c>
      <c r="B41" s="6" t="s">
        <v>3248</v>
      </c>
      <c r="C41" s="2" t="s">
        <v>3249</v>
      </c>
      <c r="D41" s="2" t="s">
        <v>3249</v>
      </c>
      <c r="E41" s="2" t="s">
        <v>3250</v>
      </c>
      <c r="F41" s="2" t="s">
        <v>3251</v>
      </c>
    </row>
    <row r="42" spans="1:6" x14ac:dyDescent="0.25">
      <c r="A42" s="4" t="s">
        <v>178</v>
      </c>
      <c r="B42" s="6" t="s">
        <v>3252</v>
      </c>
      <c r="C42" s="2" t="s">
        <v>1954</v>
      </c>
      <c r="D42" s="2" t="s">
        <v>1954</v>
      </c>
      <c r="E42" s="2" t="s">
        <v>64</v>
      </c>
      <c r="F42" s="2" t="s">
        <v>64</v>
      </c>
    </row>
    <row r="43" spans="1:6" x14ac:dyDescent="0.25">
      <c r="A43" s="4" t="s">
        <v>187</v>
      </c>
      <c r="B43" s="6" t="s">
        <v>3253</v>
      </c>
      <c r="C43" s="2" t="s">
        <v>3254</v>
      </c>
      <c r="D43" s="2" t="s">
        <v>3255</v>
      </c>
      <c r="E43" s="2" t="s">
        <v>64</v>
      </c>
      <c r="F43" s="2" t="s">
        <v>64</v>
      </c>
    </row>
    <row r="44" spans="1:6" x14ac:dyDescent="0.25">
      <c r="A44" s="4" t="s">
        <v>196</v>
      </c>
      <c r="B44" s="6" t="s">
        <v>3256</v>
      </c>
      <c r="C44" s="2" t="s">
        <v>3257</v>
      </c>
      <c r="D44" s="2" t="s">
        <v>3257</v>
      </c>
      <c r="E44" s="2" t="s">
        <v>3258</v>
      </c>
      <c r="F44" s="2" t="s">
        <v>3259</v>
      </c>
    </row>
    <row r="45" spans="1:6" x14ac:dyDescent="0.25">
      <c r="A45" s="5" t="s">
        <v>198</v>
      </c>
      <c r="B45" s="7" t="s">
        <v>3260</v>
      </c>
      <c r="C45" s="3" t="s">
        <v>3261</v>
      </c>
      <c r="D45" s="3" t="s">
        <v>3261</v>
      </c>
      <c r="E45" s="3" t="s">
        <v>3262</v>
      </c>
      <c r="F45" s="3" t="s">
        <v>3263</v>
      </c>
    </row>
    <row r="46" spans="1:6" x14ac:dyDescent="0.25">
      <c r="A46" s="4" t="s">
        <v>206</v>
      </c>
      <c r="B46" s="6" t="s">
        <v>3264</v>
      </c>
      <c r="C46" s="2" t="s">
        <v>3261</v>
      </c>
      <c r="D46" s="2" t="s">
        <v>3261</v>
      </c>
      <c r="E46" s="2" t="s">
        <v>3262</v>
      </c>
      <c r="F46" s="2" t="s">
        <v>3263</v>
      </c>
    </row>
    <row r="47" spans="1:6" x14ac:dyDescent="0.25">
      <c r="A47" s="4" t="s">
        <v>214</v>
      </c>
      <c r="B47" s="6" t="s">
        <v>3265</v>
      </c>
      <c r="C47" s="2" t="s">
        <v>64</v>
      </c>
      <c r="D47" s="2" t="s">
        <v>64</v>
      </c>
      <c r="E47" s="2" t="s">
        <v>64</v>
      </c>
      <c r="F47" s="2" t="s">
        <v>64</v>
      </c>
    </row>
    <row r="48" spans="1:6" x14ac:dyDescent="0.25">
      <c r="A48" s="4" t="s">
        <v>222</v>
      </c>
      <c r="B48" s="6" t="s">
        <v>3266</v>
      </c>
      <c r="C48" s="2" t="s">
        <v>64</v>
      </c>
      <c r="D48" s="2" t="s">
        <v>64</v>
      </c>
      <c r="E48" s="2" t="s">
        <v>64</v>
      </c>
      <c r="F48" s="2" t="s">
        <v>64</v>
      </c>
    </row>
    <row r="49" spans="1:6" x14ac:dyDescent="0.25">
      <c r="A49" s="4" t="s">
        <v>230</v>
      </c>
      <c r="B49" s="6" t="s">
        <v>3267</v>
      </c>
      <c r="C49" s="2" t="s">
        <v>64</v>
      </c>
      <c r="D49" s="2" t="s">
        <v>64</v>
      </c>
      <c r="E49" s="2" t="s">
        <v>64</v>
      </c>
      <c r="F49" s="2" t="s">
        <v>64</v>
      </c>
    </row>
    <row r="50" spans="1:6" x14ac:dyDescent="0.25">
      <c r="A50" s="5" t="s">
        <v>232</v>
      </c>
      <c r="B50" s="7" t="s">
        <v>3268</v>
      </c>
      <c r="C50" s="3" t="s">
        <v>3269</v>
      </c>
      <c r="D50" s="3" t="s">
        <v>3270</v>
      </c>
      <c r="E50" s="3" t="s">
        <v>3271</v>
      </c>
      <c r="F50" s="3" t="s">
        <v>3272</v>
      </c>
    </row>
    <row r="52" spans="1:6" x14ac:dyDescent="0.25">
      <c r="A52" s="8" t="s">
        <v>6</v>
      </c>
      <c r="B52" s="8" t="s">
        <v>3273</v>
      </c>
      <c r="C52" s="8" t="s">
        <v>9</v>
      </c>
      <c r="D52" s="8" t="s">
        <v>10</v>
      </c>
      <c r="E52" s="8" t="s">
        <v>11</v>
      </c>
      <c r="F52" s="8" t="s">
        <v>11</v>
      </c>
    </row>
    <row r="53" spans="1:6" ht="21" x14ac:dyDescent="0.25">
      <c r="A53" s="8" t="s">
        <v>7</v>
      </c>
      <c r="B53" s="8" t="s">
        <v>7</v>
      </c>
      <c r="C53" s="8" t="s">
        <v>7</v>
      </c>
      <c r="D53" s="8" t="s">
        <v>7</v>
      </c>
      <c r="E53" s="1" t="s">
        <v>798</v>
      </c>
      <c r="F53" s="1" t="s">
        <v>3152</v>
      </c>
    </row>
    <row r="54" spans="1:6" x14ac:dyDescent="0.25">
      <c r="A54" s="5" t="s">
        <v>234</v>
      </c>
      <c r="B54" s="7" t="s">
        <v>3274</v>
      </c>
      <c r="C54" s="3" t="s">
        <v>3275</v>
      </c>
      <c r="D54" s="3" t="s">
        <v>3276</v>
      </c>
      <c r="E54" s="3" t="s">
        <v>3277</v>
      </c>
      <c r="F54" s="3" t="s">
        <v>3278</v>
      </c>
    </row>
    <row r="55" spans="1:6" x14ac:dyDescent="0.25">
      <c r="A55" s="4" t="s">
        <v>243</v>
      </c>
      <c r="B55" s="6" t="s">
        <v>3279</v>
      </c>
      <c r="C55" s="2" t="s">
        <v>3280</v>
      </c>
      <c r="D55" s="2" t="s">
        <v>3281</v>
      </c>
      <c r="E55" s="2" t="s">
        <v>3282</v>
      </c>
      <c r="F55" s="2" t="s">
        <v>3283</v>
      </c>
    </row>
    <row r="56" spans="1:6" x14ac:dyDescent="0.25">
      <c r="A56" s="4" t="s">
        <v>252</v>
      </c>
      <c r="B56" s="6" t="s">
        <v>3284</v>
      </c>
      <c r="C56" s="2" t="s">
        <v>3285</v>
      </c>
      <c r="D56" s="2" t="s">
        <v>3285</v>
      </c>
      <c r="E56" s="2" t="s">
        <v>3286</v>
      </c>
      <c r="F56" s="2" t="s">
        <v>3177</v>
      </c>
    </row>
    <row r="57" spans="1:6" x14ac:dyDescent="0.25">
      <c r="A57" s="4" t="s">
        <v>261</v>
      </c>
      <c r="B57" s="6" t="s">
        <v>3287</v>
      </c>
      <c r="C57" s="2" t="s">
        <v>3288</v>
      </c>
      <c r="D57" s="2" t="s">
        <v>3288</v>
      </c>
      <c r="E57" s="2" t="s">
        <v>3289</v>
      </c>
      <c r="F57" s="2" t="s">
        <v>3188</v>
      </c>
    </row>
    <row r="58" spans="1:6" x14ac:dyDescent="0.25">
      <c r="A58" s="4" t="s">
        <v>263</v>
      </c>
      <c r="B58" s="6" t="s">
        <v>3290</v>
      </c>
      <c r="C58" s="2" t="s">
        <v>3291</v>
      </c>
      <c r="D58" s="2" t="s">
        <v>3291</v>
      </c>
      <c r="E58" s="2" t="s">
        <v>3292</v>
      </c>
      <c r="F58" s="2" t="s">
        <v>3205</v>
      </c>
    </row>
    <row r="59" spans="1:6" x14ac:dyDescent="0.25">
      <c r="A59" s="4" t="s">
        <v>272</v>
      </c>
      <c r="B59" s="6" t="s">
        <v>3293</v>
      </c>
      <c r="C59" s="2" t="s">
        <v>3294</v>
      </c>
      <c r="D59" s="2" t="s">
        <v>3294</v>
      </c>
      <c r="E59" s="2" t="s">
        <v>3295</v>
      </c>
      <c r="F59" s="2" t="s">
        <v>3208</v>
      </c>
    </row>
    <row r="60" spans="1:6" x14ac:dyDescent="0.25">
      <c r="A60" s="4" t="s">
        <v>281</v>
      </c>
      <c r="B60" s="6" t="s">
        <v>3296</v>
      </c>
      <c r="C60" s="2" t="s">
        <v>3297</v>
      </c>
      <c r="D60" s="2" t="s">
        <v>3297</v>
      </c>
      <c r="E60" s="2" t="s">
        <v>3298</v>
      </c>
      <c r="F60" s="2" t="s">
        <v>3211</v>
      </c>
    </row>
    <row r="61" spans="1:6" x14ac:dyDescent="0.25">
      <c r="A61" s="5" t="s">
        <v>289</v>
      </c>
      <c r="B61" s="7" t="s">
        <v>3299</v>
      </c>
      <c r="C61" s="3" t="s">
        <v>3300</v>
      </c>
      <c r="D61" s="3" t="s">
        <v>3300</v>
      </c>
      <c r="E61" s="3" t="s">
        <v>3301</v>
      </c>
      <c r="F61" s="3" t="s">
        <v>3302</v>
      </c>
    </row>
    <row r="62" spans="1:6" x14ac:dyDescent="0.25">
      <c r="A62" s="4" t="s">
        <v>295</v>
      </c>
      <c r="B62" s="6" t="s">
        <v>3303</v>
      </c>
      <c r="C62" s="2" t="s">
        <v>216</v>
      </c>
      <c r="D62" s="2" t="s">
        <v>216</v>
      </c>
      <c r="E62" s="2" t="s">
        <v>219</v>
      </c>
      <c r="F62" s="2" t="s">
        <v>220</v>
      </c>
    </row>
    <row r="63" spans="1:6" x14ac:dyDescent="0.25">
      <c r="A63" s="4" t="s">
        <v>298</v>
      </c>
      <c r="B63" s="6" t="s">
        <v>3304</v>
      </c>
      <c r="C63" s="2" t="s">
        <v>64</v>
      </c>
      <c r="D63" s="2" t="s">
        <v>64</v>
      </c>
      <c r="E63" s="2" t="s">
        <v>64</v>
      </c>
      <c r="F63" s="2" t="s">
        <v>64</v>
      </c>
    </row>
    <row r="64" spans="1:6" x14ac:dyDescent="0.25">
      <c r="A64" s="4" t="s">
        <v>307</v>
      </c>
      <c r="B64" s="6" t="s">
        <v>3305</v>
      </c>
      <c r="C64" s="2" t="s">
        <v>3306</v>
      </c>
      <c r="D64" s="2" t="s">
        <v>3306</v>
      </c>
      <c r="E64" s="2" t="s">
        <v>3307</v>
      </c>
      <c r="F64" s="2" t="s">
        <v>3308</v>
      </c>
    </row>
    <row r="65" spans="1:8" x14ac:dyDescent="0.25">
      <c r="A65" s="4" t="s">
        <v>314</v>
      </c>
      <c r="B65" s="6" t="s">
        <v>3309</v>
      </c>
      <c r="C65" s="2" t="s">
        <v>3310</v>
      </c>
      <c r="D65" s="2" t="s">
        <v>3311</v>
      </c>
      <c r="E65" s="2" t="s">
        <v>3312</v>
      </c>
      <c r="F65" s="2" t="s">
        <v>3313</v>
      </c>
    </row>
    <row r="67" spans="1:8" x14ac:dyDescent="0.25">
      <c r="A67" s="8" t="s">
        <v>6</v>
      </c>
      <c r="B67" s="8" t="s">
        <v>3314</v>
      </c>
      <c r="C67" s="8" t="s">
        <v>796</v>
      </c>
      <c r="D67" s="8" t="s">
        <v>3315</v>
      </c>
      <c r="E67" s="8" t="s">
        <v>438</v>
      </c>
      <c r="F67" s="8" t="s">
        <v>7</v>
      </c>
      <c r="G67" s="8" t="s">
        <v>442</v>
      </c>
      <c r="H67" s="8" t="s">
        <v>442</v>
      </c>
    </row>
    <row r="68" spans="1:8" ht="21" x14ac:dyDescent="0.25">
      <c r="A68" s="8" t="s">
        <v>7</v>
      </c>
      <c r="B68" s="8" t="s">
        <v>7</v>
      </c>
      <c r="C68" s="8" t="s">
        <v>7</v>
      </c>
      <c r="D68" s="8" t="s">
        <v>7</v>
      </c>
      <c r="E68" s="1" t="s">
        <v>3316</v>
      </c>
      <c r="F68" s="1" t="s">
        <v>3317</v>
      </c>
      <c r="G68" s="1" t="s">
        <v>3318</v>
      </c>
      <c r="H68" s="1" t="s">
        <v>3319</v>
      </c>
    </row>
    <row r="69" spans="1:8" x14ac:dyDescent="0.25">
      <c r="A69" s="5" t="s">
        <v>322</v>
      </c>
      <c r="B69" s="7" t="s">
        <v>3320</v>
      </c>
      <c r="C69" s="3" t="s">
        <v>3321</v>
      </c>
      <c r="D69" s="3" t="s">
        <v>3322</v>
      </c>
      <c r="E69" s="3" t="s">
        <v>3323</v>
      </c>
      <c r="F69" s="3" t="s">
        <v>3324</v>
      </c>
      <c r="G69" s="3" t="s">
        <v>3325</v>
      </c>
      <c r="H69" s="3" t="s">
        <v>3326</v>
      </c>
    </row>
    <row r="70" spans="1:8" x14ac:dyDescent="0.25">
      <c r="A70" s="4" t="s">
        <v>324</v>
      </c>
      <c r="B70" s="6" t="s">
        <v>3327</v>
      </c>
      <c r="C70" s="2" t="s">
        <v>3328</v>
      </c>
      <c r="D70" s="2" t="s">
        <v>3329</v>
      </c>
      <c r="E70" s="2" t="s">
        <v>3330</v>
      </c>
      <c r="F70" s="2" t="s">
        <v>3324</v>
      </c>
      <c r="G70" s="2" t="s">
        <v>3331</v>
      </c>
      <c r="H70" s="2" t="s">
        <v>3326</v>
      </c>
    </row>
    <row r="71" spans="1:8" x14ac:dyDescent="0.25">
      <c r="A71" s="4" t="s">
        <v>333</v>
      </c>
      <c r="B71" s="6" t="s">
        <v>3332</v>
      </c>
      <c r="C71" s="2" t="s">
        <v>3333</v>
      </c>
      <c r="D71" s="2" t="s">
        <v>3334</v>
      </c>
      <c r="E71" s="2" t="s">
        <v>3335</v>
      </c>
      <c r="F71" s="2" t="s">
        <v>3324</v>
      </c>
      <c r="G71" s="2" t="s">
        <v>3336</v>
      </c>
      <c r="H71" s="2" t="s">
        <v>3326</v>
      </c>
    </row>
    <row r="72" spans="1:8" x14ac:dyDescent="0.25">
      <c r="A72" s="5" t="s">
        <v>342</v>
      </c>
      <c r="B72" s="7" t="s">
        <v>3337</v>
      </c>
      <c r="C72" s="3" t="s">
        <v>3338</v>
      </c>
      <c r="D72" s="3" t="s">
        <v>3339</v>
      </c>
      <c r="E72" s="3" t="s">
        <v>3340</v>
      </c>
      <c r="F72" s="3" t="s">
        <v>3341</v>
      </c>
      <c r="G72" s="3" t="s">
        <v>3342</v>
      </c>
      <c r="H72" s="3" t="s">
        <v>3343</v>
      </c>
    </row>
    <row r="73" spans="1:8" x14ac:dyDescent="0.25">
      <c r="A73" s="4" t="s">
        <v>350</v>
      </c>
      <c r="B73" s="6" t="s">
        <v>3344</v>
      </c>
      <c r="C73" s="2" t="s">
        <v>3338</v>
      </c>
      <c r="D73" s="2" t="s">
        <v>3339</v>
      </c>
      <c r="E73" s="2" t="s">
        <v>3340</v>
      </c>
      <c r="F73" s="2" t="s">
        <v>3341</v>
      </c>
      <c r="G73" s="2" t="s">
        <v>3342</v>
      </c>
      <c r="H73" s="2" t="s">
        <v>3343</v>
      </c>
    </row>
    <row r="74" spans="1:8" x14ac:dyDescent="0.25">
      <c r="A74" s="4" t="s">
        <v>358</v>
      </c>
      <c r="B74" s="6" t="s">
        <v>3345</v>
      </c>
      <c r="C74" s="2" t="s">
        <v>64</v>
      </c>
      <c r="D74" s="2" t="s">
        <v>64</v>
      </c>
      <c r="E74" s="2" t="s">
        <v>64</v>
      </c>
      <c r="F74" s="2" t="s">
        <v>64</v>
      </c>
      <c r="G74" s="2" t="s">
        <v>64</v>
      </c>
      <c r="H74" s="2" t="s">
        <v>64</v>
      </c>
    </row>
    <row r="75" spans="1:8" x14ac:dyDescent="0.25">
      <c r="A75" s="5" t="s">
        <v>362</v>
      </c>
      <c r="B75" s="7" t="s">
        <v>3346</v>
      </c>
      <c r="C75" s="3" t="s">
        <v>3300</v>
      </c>
      <c r="D75" s="3" t="s">
        <v>3300</v>
      </c>
      <c r="E75" s="3" t="s">
        <v>3347</v>
      </c>
      <c r="F75" s="3" t="s">
        <v>3348</v>
      </c>
      <c r="G75" s="3" t="s">
        <v>3349</v>
      </c>
      <c r="H75" s="3" t="s">
        <v>3350</v>
      </c>
    </row>
    <row r="77" spans="1:8" x14ac:dyDescent="0.25">
      <c r="A77" s="8" t="s">
        <v>6</v>
      </c>
      <c r="B77" s="8" t="s">
        <v>3351</v>
      </c>
      <c r="C77" s="8" t="s">
        <v>2924</v>
      </c>
    </row>
    <row r="78" spans="1:8" x14ac:dyDescent="0.25">
      <c r="A78" s="8" t="s">
        <v>7</v>
      </c>
      <c r="B78" s="8" t="s">
        <v>7</v>
      </c>
      <c r="C78" s="8" t="s">
        <v>7</v>
      </c>
    </row>
    <row r="79" spans="1:8" x14ac:dyDescent="0.25">
      <c r="A79" s="5" t="s">
        <v>369</v>
      </c>
      <c r="B79" s="7" t="s">
        <v>3352</v>
      </c>
      <c r="C79" s="3" t="s">
        <v>64</v>
      </c>
    </row>
    <row r="80" spans="1:8" x14ac:dyDescent="0.25">
      <c r="A80" s="4" t="s">
        <v>370</v>
      </c>
      <c r="B80" s="6" t="s">
        <v>3353</v>
      </c>
      <c r="C80" s="2" t="s">
        <v>64</v>
      </c>
    </row>
    <row r="81" spans="1:3" x14ac:dyDescent="0.25">
      <c r="A81" s="4" t="s">
        <v>372</v>
      </c>
      <c r="B81" s="6" t="s">
        <v>3354</v>
      </c>
      <c r="C81" s="2" t="s">
        <v>64</v>
      </c>
    </row>
    <row r="82" spans="1:3" x14ac:dyDescent="0.25">
      <c r="A82" s="5" t="s">
        <v>374</v>
      </c>
      <c r="B82" s="7" t="s">
        <v>3355</v>
      </c>
      <c r="C82" s="3" t="s">
        <v>64</v>
      </c>
    </row>
    <row r="83" spans="1:3" x14ac:dyDescent="0.25">
      <c r="A83" s="4" t="s">
        <v>375</v>
      </c>
      <c r="B83" s="6" t="s">
        <v>3356</v>
      </c>
      <c r="C83" s="2" t="s">
        <v>64</v>
      </c>
    </row>
    <row r="84" spans="1:3" x14ac:dyDescent="0.25">
      <c r="A84" s="4" t="s">
        <v>381</v>
      </c>
      <c r="B84" s="6" t="s">
        <v>3357</v>
      </c>
      <c r="C84" s="2" t="s">
        <v>64</v>
      </c>
    </row>
    <row r="85" spans="1:3" x14ac:dyDescent="0.25">
      <c r="A85" s="5" t="s">
        <v>383</v>
      </c>
      <c r="B85" s="7" t="s">
        <v>3358</v>
      </c>
      <c r="C85" s="3" t="s">
        <v>64</v>
      </c>
    </row>
    <row r="87" spans="1:3" x14ac:dyDescent="0.25">
      <c r="A87" s="8" t="s">
        <v>6</v>
      </c>
      <c r="B87" s="8" t="s">
        <v>3359</v>
      </c>
      <c r="C87" s="8" t="s">
        <v>2924</v>
      </c>
    </row>
    <row r="88" spans="1:3" x14ac:dyDescent="0.25">
      <c r="A88" s="8" t="s">
        <v>7</v>
      </c>
      <c r="B88" s="8" t="s">
        <v>7</v>
      </c>
      <c r="C88" s="8" t="s">
        <v>7</v>
      </c>
    </row>
    <row r="89" spans="1:3" x14ac:dyDescent="0.25">
      <c r="A89" s="4" t="s">
        <v>385</v>
      </c>
      <c r="B89" s="6" t="s">
        <v>3360</v>
      </c>
      <c r="C89" s="2" t="s">
        <v>3349</v>
      </c>
    </row>
    <row r="90" spans="1:3" x14ac:dyDescent="0.25">
      <c r="A90" s="4" t="s">
        <v>387</v>
      </c>
      <c r="B90" s="6" t="s">
        <v>3361</v>
      </c>
      <c r="C90" s="2" t="s">
        <v>3362</v>
      </c>
    </row>
    <row r="91" spans="1:3" x14ac:dyDescent="0.25">
      <c r="A91" s="4" t="s">
        <v>389</v>
      </c>
      <c r="B91" s="6" t="s">
        <v>3363</v>
      </c>
      <c r="C91" s="2" t="s">
        <v>3364</v>
      </c>
    </row>
    <row r="92" spans="1:3" x14ac:dyDescent="0.25">
      <c r="A92" s="4" t="s">
        <v>398</v>
      </c>
      <c r="B92" s="6" t="s">
        <v>3365</v>
      </c>
      <c r="C92" s="2" t="s">
        <v>3366</v>
      </c>
    </row>
    <row r="94" spans="1:3" x14ac:dyDescent="0.25">
      <c r="A94" s="8" t="s">
        <v>6</v>
      </c>
      <c r="B94" s="8" t="s">
        <v>3367</v>
      </c>
      <c r="C94" s="8" t="s">
        <v>2924</v>
      </c>
    </row>
    <row r="95" spans="1:3" x14ac:dyDescent="0.25">
      <c r="A95" s="8" t="s">
        <v>7</v>
      </c>
      <c r="B95" s="8" t="s">
        <v>7</v>
      </c>
      <c r="C95" s="8" t="s">
        <v>7</v>
      </c>
    </row>
    <row r="96" spans="1:3" x14ac:dyDescent="0.25">
      <c r="A96" s="4" t="s">
        <v>407</v>
      </c>
      <c r="B96" s="6" t="s">
        <v>3368</v>
      </c>
      <c r="C96" s="2" t="s">
        <v>64</v>
      </c>
    </row>
    <row r="97" spans="1:8" x14ac:dyDescent="0.25">
      <c r="A97" s="4" t="s">
        <v>409</v>
      </c>
      <c r="B97" s="6" t="s">
        <v>3369</v>
      </c>
      <c r="C97" s="2" t="s">
        <v>64</v>
      </c>
    </row>
    <row r="99" spans="1:8" x14ac:dyDescent="0.25">
      <c r="A99" s="8" t="s">
        <v>6</v>
      </c>
      <c r="B99" s="8" t="s">
        <v>3370</v>
      </c>
      <c r="C99" s="8" t="s">
        <v>796</v>
      </c>
      <c r="D99" s="8" t="s">
        <v>3315</v>
      </c>
      <c r="E99" s="8" t="s">
        <v>438</v>
      </c>
      <c r="F99" s="8" t="s">
        <v>7</v>
      </c>
      <c r="G99" s="8" t="s">
        <v>442</v>
      </c>
      <c r="H99" s="8" t="s">
        <v>442</v>
      </c>
    </row>
    <row r="100" spans="1:8" ht="21" x14ac:dyDescent="0.25">
      <c r="A100" s="8" t="s">
        <v>7</v>
      </c>
      <c r="B100" s="8" t="s">
        <v>7</v>
      </c>
      <c r="C100" s="8" t="s">
        <v>7</v>
      </c>
      <c r="D100" s="8" t="s">
        <v>7</v>
      </c>
      <c r="E100" s="1" t="s">
        <v>3316</v>
      </c>
      <c r="F100" s="1" t="s">
        <v>3317</v>
      </c>
      <c r="G100" s="1" t="s">
        <v>3318</v>
      </c>
      <c r="H100" s="1" t="s">
        <v>3319</v>
      </c>
    </row>
    <row r="101" spans="1:8" x14ac:dyDescent="0.25">
      <c r="A101" s="5" t="s">
        <v>411</v>
      </c>
      <c r="B101" s="7" t="s">
        <v>3371</v>
      </c>
      <c r="C101" s="3" t="s">
        <v>1434</v>
      </c>
      <c r="D101" s="3" t="s">
        <v>64</v>
      </c>
      <c r="E101" s="3" t="s">
        <v>64</v>
      </c>
      <c r="F101" s="3" t="s">
        <v>64</v>
      </c>
      <c r="G101" s="3" t="s">
        <v>64</v>
      </c>
      <c r="H101" s="3" t="s">
        <v>64</v>
      </c>
    </row>
    <row r="102" spans="1:8" x14ac:dyDescent="0.25">
      <c r="A102" s="4" t="s">
        <v>413</v>
      </c>
      <c r="B102" s="6" t="s">
        <v>3372</v>
      </c>
      <c r="C102" s="2" t="s">
        <v>1434</v>
      </c>
      <c r="D102" s="2" t="s">
        <v>64</v>
      </c>
      <c r="E102" s="2" t="s">
        <v>64</v>
      </c>
      <c r="F102" s="2" t="s">
        <v>64</v>
      </c>
      <c r="G102" s="2" t="s">
        <v>64</v>
      </c>
      <c r="H102" s="2" t="s">
        <v>64</v>
      </c>
    </row>
    <row r="103" spans="1:8" x14ac:dyDescent="0.25">
      <c r="A103" s="4" t="s">
        <v>415</v>
      </c>
      <c r="B103" s="6" t="s">
        <v>3373</v>
      </c>
      <c r="C103" s="2" t="s">
        <v>64</v>
      </c>
      <c r="D103" s="2" t="s">
        <v>64</v>
      </c>
      <c r="E103" s="2" t="s">
        <v>64</v>
      </c>
      <c r="F103" s="2" t="s">
        <v>64</v>
      </c>
      <c r="G103" s="2" t="s">
        <v>64</v>
      </c>
      <c r="H103" s="2" t="s">
        <v>64</v>
      </c>
    </row>
    <row r="104" spans="1:8" x14ac:dyDescent="0.25">
      <c r="A104" s="5" t="s">
        <v>417</v>
      </c>
      <c r="B104" s="7" t="s">
        <v>3374</v>
      </c>
      <c r="C104" s="3" t="s">
        <v>3375</v>
      </c>
      <c r="D104" s="3" t="s">
        <v>3376</v>
      </c>
      <c r="E104" s="3" t="s">
        <v>3377</v>
      </c>
      <c r="F104" s="3" t="s">
        <v>3378</v>
      </c>
      <c r="G104" s="3" t="s">
        <v>3379</v>
      </c>
      <c r="H104" s="3" t="s">
        <v>3380</v>
      </c>
    </row>
    <row r="105" spans="1:8" x14ac:dyDescent="0.25">
      <c r="A105" s="4" t="s">
        <v>418</v>
      </c>
      <c r="B105" s="6" t="s">
        <v>3381</v>
      </c>
      <c r="C105" s="2" t="s">
        <v>3382</v>
      </c>
      <c r="D105" s="2" t="s">
        <v>3383</v>
      </c>
      <c r="E105" s="2" t="s">
        <v>3384</v>
      </c>
      <c r="F105" s="2" t="s">
        <v>3350</v>
      </c>
      <c r="G105" s="2" t="s">
        <v>3385</v>
      </c>
      <c r="H105" s="2" t="s">
        <v>3386</v>
      </c>
    </row>
    <row r="106" spans="1:8" x14ac:dyDescent="0.25">
      <c r="A106" s="4" t="s">
        <v>419</v>
      </c>
      <c r="B106" s="6" t="s">
        <v>3387</v>
      </c>
      <c r="C106" s="2" t="s">
        <v>3388</v>
      </c>
      <c r="D106" s="2" t="s">
        <v>1291</v>
      </c>
      <c r="E106" s="2" t="s">
        <v>1293</v>
      </c>
      <c r="F106" s="2" t="s">
        <v>3389</v>
      </c>
      <c r="G106" s="2" t="s">
        <v>1295</v>
      </c>
      <c r="H106" s="2" t="s">
        <v>3390</v>
      </c>
    </row>
    <row r="107" spans="1:8" x14ac:dyDescent="0.25">
      <c r="A107" s="5" t="s">
        <v>421</v>
      </c>
      <c r="B107" s="7" t="s">
        <v>3391</v>
      </c>
      <c r="C107" s="3" t="s">
        <v>3392</v>
      </c>
      <c r="D107" s="3" t="s">
        <v>3393</v>
      </c>
      <c r="E107" s="3" t="s">
        <v>3394</v>
      </c>
      <c r="F107" s="3" t="s">
        <v>661</v>
      </c>
      <c r="G107" s="3" t="s">
        <v>3395</v>
      </c>
      <c r="H107" s="3" t="s">
        <v>3396</v>
      </c>
    </row>
    <row r="108" spans="1:8" x14ac:dyDescent="0.25">
      <c r="A108" s="4" t="s">
        <v>423</v>
      </c>
      <c r="B108" s="6" t="s">
        <v>3397</v>
      </c>
      <c r="C108" s="2" t="s">
        <v>3333</v>
      </c>
      <c r="D108" s="2" t="s">
        <v>3334</v>
      </c>
      <c r="E108" s="2" t="s">
        <v>3335</v>
      </c>
      <c r="F108" s="2" t="s">
        <v>3324</v>
      </c>
      <c r="G108" s="2" t="s">
        <v>3336</v>
      </c>
      <c r="H108" s="2" t="s">
        <v>3326</v>
      </c>
    </row>
    <row r="109" spans="1:8" x14ac:dyDescent="0.25">
      <c r="A109" s="4" t="s">
        <v>425</v>
      </c>
      <c r="B109" s="6" t="s">
        <v>3398</v>
      </c>
      <c r="C109" s="2" t="s">
        <v>3399</v>
      </c>
      <c r="D109" s="2" t="s">
        <v>3400</v>
      </c>
      <c r="E109" s="2" t="s">
        <v>3401</v>
      </c>
      <c r="F109" s="2" t="s">
        <v>428</v>
      </c>
      <c r="G109" s="2" t="s">
        <v>3401</v>
      </c>
      <c r="H109" s="2" t="s">
        <v>428</v>
      </c>
    </row>
    <row r="110" spans="1:8" x14ac:dyDescent="0.25">
      <c r="A110" s="4" t="s">
        <v>429</v>
      </c>
      <c r="B110" s="6" t="s">
        <v>3402</v>
      </c>
      <c r="C110" s="2" t="s">
        <v>3403</v>
      </c>
      <c r="D110" s="2" t="s">
        <v>3404</v>
      </c>
      <c r="E110" s="2" t="s">
        <v>3405</v>
      </c>
      <c r="F110" s="2" t="s">
        <v>3406</v>
      </c>
      <c r="G110" s="2" t="s">
        <v>3407</v>
      </c>
      <c r="H110" s="2" t="s">
        <v>3408</v>
      </c>
    </row>
    <row r="111" spans="1:8" x14ac:dyDescent="0.25">
      <c r="A111" s="4" t="s">
        <v>431</v>
      </c>
      <c r="B111" s="6" t="s">
        <v>3409</v>
      </c>
      <c r="C111" s="2" t="s">
        <v>3410</v>
      </c>
      <c r="D111" s="2" t="s">
        <v>3411</v>
      </c>
      <c r="E111" s="2" t="s">
        <v>3412</v>
      </c>
      <c r="F111" s="2" t="s">
        <v>3413</v>
      </c>
      <c r="G111" s="2" t="s">
        <v>3414</v>
      </c>
      <c r="H111" s="2" t="s">
        <v>3415</v>
      </c>
    </row>
    <row r="112" spans="1:8" x14ac:dyDescent="0.25">
      <c r="A112" s="4" t="s">
        <v>433</v>
      </c>
      <c r="B112" s="6" t="s">
        <v>3416</v>
      </c>
      <c r="C112" s="2" t="s">
        <v>3417</v>
      </c>
      <c r="D112" s="2" t="s">
        <v>3418</v>
      </c>
      <c r="E112" s="2" t="s">
        <v>3419</v>
      </c>
      <c r="F112" s="2" t="s">
        <v>3420</v>
      </c>
      <c r="G112" s="2" t="s">
        <v>3421</v>
      </c>
      <c r="H112" s="2" t="s">
        <v>3422</v>
      </c>
    </row>
    <row r="113" spans="1:8" x14ac:dyDescent="0.25">
      <c r="A113" s="5" t="s">
        <v>446</v>
      </c>
      <c r="B113" s="7" t="s">
        <v>3423</v>
      </c>
      <c r="C113" s="3" t="s">
        <v>3424</v>
      </c>
      <c r="D113" s="3" t="s">
        <v>3425</v>
      </c>
      <c r="E113" s="3" t="s">
        <v>3426</v>
      </c>
      <c r="F113" s="3" t="s">
        <v>3427</v>
      </c>
      <c r="G113" s="3" t="s">
        <v>3428</v>
      </c>
      <c r="H113" s="3" t="s">
        <v>3429</v>
      </c>
    </row>
    <row r="115" spans="1:8" x14ac:dyDescent="0.25">
      <c r="A115" s="8" t="s">
        <v>6</v>
      </c>
      <c r="B115" s="8" t="s">
        <v>3430</v>
      </c>
      <c r="C115" s="8" t="s">
        <v>2924</v>
      </c>
    </row>
    <row r="116" spans="1:8" x14ac:dyDescent="0.25">
      <c r="A116" s="8" t="s">
        <v>7</v>
      </c>
      <c r="B116" s="8" t="s">
        <v>7</v>
      </c>
      <c r="C116" s="8" t="s">
        <v>7</v>
      </c>
    </row>
    <row r="117" spans="1:8" x14ac:dyDescent="0.25">
      <c r="A117" s="4" t="s">
        <v>457</v>
      </c>
      <c r="B117" s="6" t="s">
        <v>3431</v>
      </c>
      <c r="C117" s="2" t="s">
        <v>3312</v>
      </c>
    </row>
    <row r="118" spans="1:8" x14ac:dyDescent="0.25">
      <c r="A118" s="4" t="s">
        <v>468</v>
      </c>
      <c r="B118" s="6" t="s">
        <v>3432</v>
      </c>
      <c r="C118" s="2" t="s">
        <v>64</v>
      </c>
    </row>
    <row r="119" spans="1:8" x14ac:dyDescent="0.25">
      <c r="A119" s="4" t="s">
        <v>479</v>
      </c>
      <c r="B119" s="6" t="s">
        <v>3433</v>
      </c>
      <c r="C119" s="2" t="s">
        <v>64</v>
      </c>
    </row>
    <row r="120" spans="1:8" x14ac:dyDescent="0.25">
      <c r="A120" s="4" t="s">
        <v>489</v>
      </c>
      <c r="B120" s="6" t="s">
        <v>3434</v>
      </c>
      <c r="C120" s="2" t="s">
        <v>64</v>
      </c>
    </row>
    <row r="121" spans="1:8" x14ac:dyDescent="0.25">
      <c r="A121" s="4" t="s">
        <v>500</v>
      </c>
      <c r="B121" s="6" t="s">
        <v>3435</v>
      </c>
      <c r="C121" s="2" t="s">
        <v>64</v>
      </c>
    </row>
    <row r="122" spans="1:8" x14ac:dyDescent="0.25">
      <c r="A122" s="4" t="s">
        <v>508</v>
      </c>
      <c r="B122" s="6" t="s">
        <v>3436</v>
      </c>
      <c r="C122" s="2" t="s">
        <v>3437</v>
      </c>
    </row>
    <row r="123" spans="1:8" x14ac:dyDescent="0.25">
      <c r="A123" s="5" t="s">
        <v>518</v>
      </c>
      <c r="B123" s="7" t="s">
        <v>3438</v>
      </c>
      <c r="C123" s="3" t="s">
        <v>3439</v>
      </c>
    </row>
    <row r="124" spans="1:8" x14ac:dyDescent="0.25">
      <c r="A124" s="4" t="s">
        <v>529</v>
      </c>
      <c r="B124" s="6" t="s">
        <v>3440</v>
      </c>
      <c r="C124" s="2" t="s">
        <v>3441</v>
      </c>
    </row>
    <row r="125" spans="1:8" x14ac:dyDescent="0.25">
      <c r="A125" s="4" t="s">
        <v>540</v>
      </c>
      <c r="B125" s="6" t="s">
        <v>3442</v>
      </c>
      <c r="C125" s="2" t="s">
        <v>3443</v>
      </c>
    </row>
    <row r="127" spans="1:8" x14ac:dyDescent="0.25">
      <c r="A127" s="8" t="s">
        <v>6</v>
      </c>
      <c r="B127" s="8" t="s">
        <v>3444</v>
      </c>
      <c r="C127" s="8" t="s">
        <v>796</v>
      </c>
      <c r="D127" s="8" t="s">
        <v>3315</v>
      </c>
      <c r="E127" s="8" t="s">
        <v>438</v>
      </c>
      <c r="F127" s="8" t="s">
        <v>7</v>
      </c>
      <c r="G127" s="8" t="s">
        <v>442</v>
      </c>
      <c r="H127" s="8" t="s">
        <v>442</v>
      </c>
    </row>
    <row r="128" spans="1:8" ht="21" x14ac:dyDescent="0.25">
      <c r="A128" s="8" t="s">
        <v>7</v>
      </c>
      <c r="B128" s="8" t="s">
        <v>7</v>
      </c>
      <c r="C128" s="8" t="s">
        <v>7</v>
      </c>
      <c r="D128" s="8" t="s">
        <v>7</v>
      </c>
      <c r="E128" s="1" t="s">
        <v>3316</v>
      </c>
      <c r="F128" s="1" t="s">
        <v>3317</v>
      </c>
      <c r="G128" s="1" t="s">
        <v>3445</v>
      </c>
      <c r="H128" s="1" t="s">
        <v>3319</v>
      </c>
    </row>
    <row r="129" spans="1:8" x14ac:dyDescent="0.25">
      <c r="A129" s="4" t="s">
        <v>546</v>
      </c>
      <c r="B129" s="6" t="s">
        <v>3446</v>
      </c>
      <c r="C129" s="2" t="s">
        <v>64</v>
      </c>
      <c r="D129" s="2" t="s">
        <v>64</v>
      </c>
      <c r="E129" s="2" t="s">
        <v>64</v>
      </c>
      <c r="F129" s="2" t="s">
        <v>64</v>
      </c>
      <c r="G129" s="2" t="s">
        <v>64</v>
      </c>
      <c r="H129" s="2" t="s">
        <v>64</v>
      </c>
    </row>
    <row r="130" spans="1:8" x14ac:dyDescent="0.25">
      <c r="A130" s="4" t="s">
        <v>556</v>
      </c>
      <c r="B130" s="6" t="s">
        <v>3447</v>
      </c>
      <c r="C130" s="2" t="s">
        <v>3448</v>
      </c>
      <c r="D130" s="2" t="s">
        <v>3448</v>
      </c>
      <c r="E130" s="2" t="s">
        <v>3449</v>
      </c>
      <c r="F130" s="2" t="s">
        <v>3450</v>
      </c>
      <c r="G130" s="2" t="s">
        <v>3451</v>
      </c>
      <c r="H130" s="2" t="s">
        <v>3452</v>
      </c>
    </row>
    <row r="131" spans="1:8" x14ac:dyDescent="0.25">
      <c r="A131" s="4" t="s">
        <v>560</v>
      </c>
      <c r="B131" s="6" t="s">
        <v>3453</v>
      </c>
      <c r="C131" s="2" t="s">
        <v>64</v>
      </c>
      <c r="D131" s="2" t="s">
        <v>64</v>
      </c>
      <c r="E131" s="2" t="s">
        <v>64</v>
      </c>
      <c r="F131" s="2" t="s">
        <v>64</v>
      </c>
      <c r="G131" s="2" t="s">
        <v>64</v>
      </c>
      <c r="H131" s="2" t="s">
        <v>64</v>
      </c>
    </row>
    <row r="132" spans="1:8" x14ac:dyDescent="0.25">
      <c r="A132" s="4" t="s">
        <v>571</v>
      </c>
      <c r="B132" s="6" t="s">
        <v>3454</v>
      </c>
      <c r="C132" s="2" t="s">
        <v>3455</v>
      </c>
      <c r="D132" s="2" t="s">
        <v>3456</v>
      </c>
      <c r="E132" s="2" t="s">
        <v>3457</v>
      </c>
      <c r="F132" s="2" t="s">
        <v>3458</v>
      </c>
      <c r="G132" s="2" t="s">
        <v>3459</v>
      </c>
      <c r="H132" s="2" t="s">
        <v>3460</v>
      </c>
    </row>
    <row r="133" spans="1:8" x14ac:dyDescent="0.25">
      <c r="A133" s="5" t="s">
        <v>582</v>
      </c>
      <c r="B133" s="7" t="s">
        <v>3461</v>
      </c>
      <c r="C133" s="3" t="s">
        <v>3462</v>
      </c>
      <c r="D133" s="3" t="s">
        <v>3463</v>
      </c>
      <c r="E133" s="3" t="s">
        <v>3464</v>
      </c>
      <c r="F133" s="3" t="s">
        <v>3465</v>
      </c>
      <c r="G133" s="3" t="s">
        <v>3466</v>
      </c>
      <c r="H133" s="3" t="s">
        <v>3467</v>
      </c>
    </row>
    <row r="134" spans="1:8" x14ac:dyDescent="0.25">
      <c r="A134" s="4" t="s">
        <v>584</v>
      </c>
      <c r="B134" s="6" t="s">
        <v>3468</v>
      </c>
      <c r="C134" s="2" t="s">
        <v>3469</v>
      </c>
      <c r="D134" s="2" t="s">
        <v>3470</v>
      </c>
      <c r="E134" s="2" t="s">
        <v>3471</v>
      </c>
      <c r="F134" s="2" t="s">
        <v>3472</v>
      </c>
      <c r="G134" s="2" t="s">
        <v>3473</v>
      </c>
      <c r="H134" s="2" t="s">
        <v>3474</v>
      </c>
    </row>
    <row r="136" spans="1:8" x14ac:dyDescent="0.25">
      <c r="A136" s="8" t="s">
        <v>6</v>
      </c>
      <c r="B136" s="8" t="s">
        <v>3475</v>
      </c>
      <c r="C136" s="8" t="s">
        <v>3476</v>
      </c>
      <c r="D136" s="8" t="s">
        <v>3477</v>
      </c>
    </row>
    <row r="137" spans="1:8" x14ac:dyDescent="0.25">
      <c r="A137" s="8" t="s">
        <v>7</v>
      </c>
      <c r="B137" s="8" t="s">
        <v>7</v>
      </c>
      <c r="C137" s="8" t="s">
        <v>7</v>
      </c>
      <c r="D137" s="8" t="s">
        <v>7</v>
      </c>
    </row>
    <row r="138" spans="1:8" x14ac:dyDescent="0.25">
      <c r="A138" s="5" t="s">
        <v>586</v>
      </c>
      <c r="B138" s="7" t="s">
        <v>3478</v>
      </c>
      <c r="C138" s="3" t="s">
        <v>3479</v>
      </c>
      <c r="D138" s="3" t="s">
        <v>3437</v>
      </c>
    </row>
    <row r="139" spans="1:8" x14ac:dyDescent="0.25">
      <c r="A139" s="4" t="s">
        <v>588</v>
      </c>
      <c r="B139" s="6" t="s">
        <v>3480</v>
      </c>
      <c r="C139" s="2" t="s">
        <v>3481</v>
      </c>
      <c r="D139" s="2" t="s">
        <v>3482</v>
      </c>
    </row>
    <row r="140" spans="1:8" x14ac:dyDescent="0.25">
      <c r="A140" s="4" t="s">
        <v>590</v>
      </c>
      <c r="B140" s="6" t="s">
        <v>3483</v>
      </c>
      <c r="C140" s="2" t="s">
        <v>3484</v>
      </c>
      <c r="D140" s="2" t="s">
        <v>3485</v>
      </c>
    </row>
    <row r="142" spans="1:8" x14ac:dyDescent="0.25">
      <c r="A142" s="8" t="s">
        <v>6</v>
      </c>
      <c r="B142" s="8" t="s">
        <v>3486</v>
      </c>
      <c r="C142" s="8" t="s">
        <v>3487</v>
      </c>
      <c r="D142" s="8" t="s">
        <v>3488</v>
      </c>
    </row>
    <row r="143" spans="1:8" x14ac:dyDescent="0.25">
      <c r="A143" s="8" t="s">
        <v>7</v>
      </c>
      <c r="B143" s="8" t="s">
        <v>7</v>
      </c>
      <c r="C143" s="8" t="s">
        <v>7</v>
      </c>
      <c r="D143" s="8" t="s">
        <v>7</v>
      </c>
    </row>
    <row r="144" spans="1:8" x14ac:dyDescent="0.25">
      <c r="A144" s="4" t="s">
        <v>592</v>
      </c>
      <c r="B144" s="6" t="s">
        <v>3489</v>
      </c>
      <c r="C144" s="2" t="s">
        <v>3490</v>
      </c>
      <c r="D144" s="2" t="s">
        <v>3491</v>
      </c>
    </row>
    <row r="145" spans="1:4" x14ac:dyDescent="0.25">
      <c r="A145" s="4" t="s">
        <v>593</v>
      </c>
      <c r="B145" s="6" t="s">
        <v>3492</v>
      </c>
      <c r="C145" s="2" t="s">
        <v>219</v>
      </c>
      <c r="D145" s="2" t="s">
        <v>3243</v>
      </c>
    </row>
    <row r="146" spans="1:4" x14ac:dyDescent="0.25">
      <c r="A146" s="5" t="s">
        <v>594</v>
      </c>
      <c r="B146" s="7" t="s">
        <v>3493</v>
      </c>
      <c r="C146" s="3" t="s">
        <v>3494</v>
      </c>
      <c r="D146" s="3" t="s">
        <v>3495</v>
      </c>
    </row>
    <row r="147" spans="1:4" x14ac:dyDescent="0.25">
      <c r="A147" s="4" t="s">
        <v>596</v>
      </c>
      <c r="B147" s="6" t="s">
        <v>3496</v>
      </c>
      <c r="C147" s="2" t="s">
        <v>3497</v>
      </c>
      <c r="D147" s="2" t="s">
        <v>3498</v>
      </c>
    </row>
    <row r="148" spans="1:4" x14ac:dyDescent="0.25">
      <c r="A148" s="4" t="s">
        <v>600</v>
      </c>
      <c r="B148" s="6" t="s">
        <v>3499</v>
      </c>
      <c r="C148" s="2" t="s">
        <v>3500</v>
      </c>
      <c r="D148" s="2" t="s">
        <v>3501</v>
      </c>
    </row>
    <row r="149" spans="1:4" x14ac:dyDescent="0.25">
      <c r="A149" s="4" t="s">
        <v>602</v>
      </c>
      <c r="B149" s="6" t="s">
        <v>3502</v>
      </c>
      <c r="C149" s="2" t="s">
        <v>3307</v>
      </c>
      <c r="D149" s="2" t="s">
        <v>3258</v>
      </c>
    </row>
    <row r="150" spans="1:4" x14ac:dyDescent="0.25">
      <c r="A150" s="5" t="s">
        <v>607</v>
      </c>
      <c r="B150" s="7" t="s">
        <v>3503</v>
      </c>
      <c r="C150" s="3" t="s">
        <v>3504</v>
      </c>
      <c r="D150" s="3" t="s">
        <v>3505</v>
      </c>
    </row>
    <row r="151" spans="1:4" x14ac:dyDescent="0.25">
      <c r="A151" s="5" t="s">
        <v>609</v>
      </c>
      <c r="B151" s="7" t="s">
        <v>3506</v>
      </c>
      <c r="C151" s="3" t="s">
        <v>64</v>
      </c>
      <c r="D151" s="3" t="s">
        <v>64</v>
      </c>
    </row>
    <row r="152" spans="1:4" x14ac:dyDescent="0.25">
      <c r="A152" s="4" t="s">
        <v>611</v>
      </c>
      <c r="B152" s="6" t="s">
        <v>3507</v>
      </c>
      <c r="C152" s="2" t="s">
        <v>64</v>
      </c>
      <c r="D152" s="2" t="s">
        <v>64</v>
      </c>
    </row>
    <row r="153" spans="1:4" x14ac:dyDescent="0.25">
      <c r="A153" s="4" t="s">
        <v>613</v>
      </c>
      <c r="B153" s="6" t="s">
        <v>3508</v>
      </c>
      <c r="C153" s="2" t="s">
        <v>64</v>
      </c>
      <c r="D153" s="2" t="s">
        <v>64</v>
      </c>
    </row>
    <row r="154" spans="1:4" x14ac:dyDescent="0.25">
      <c r="A154" s="5" t="s">
        <v>615</v>
      </c>
      <c r="B154" s="7" t="s">
        <v>3509</v>
      </c>
      <c r="C154" s="3" t="s">
        <v>3504</v>
      </c>
      <c r="D154" s="3" t="s">
        <v>3505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5:A36"/>
    <mergeCell ref="B35:B36"/>
    <mergeCell ref="C35:C36"/>
    <mergeCell ref="D35:D36"/>
    <mergeCell ref="E35:F35"/>
    <mergeCell ref="A52:A53"/>
    <mergeCell ref="B52:B53"/>
    <mergeCell ref="C52:C53"/>
    <mergeCell ref="D52:D53"/>
    <mergeCell ref="E52:F52"/>
    <mergeCell ref="G67:H67"/>
    <mergeCell ref="A77:A78"/>
    <mergeCell ref="B77:B78"/>
    <mergeCell ref="C77:C78"/>
    <mergeCell ref="A87:A88"/>
    <mergeCell ref="B87:B88"/>
    <mergeCell ref="C87:C88"/>
    <mergeCell ref="A67:A68"/>
    <mergeCell ref="B67:B68"/>
    <mergeCell ref="C67:C68"/>
    <mergeCell ref="D67:D68"/>
    <mergeCell ref="E67:F67"/>
    <mergeCell ref="A94:A95"/>
    <mergeCell ref="B94:B95"/>
    <mergeCell ref="C94:C95"/>
    <mergeCell ref="A99:A100"/>
    <mergeCell ref="B99:B100"/>
    <mergeCell ref="C99:C100"/>
    <mergeCell ref="D99:D100"/>
    <mergeCell ref="E99:F99"/>
    <mergeCell ref="G99:H99"/>
    <mergeCell ref="A115:A116"/>
    <mergeCell ref="B115:B116"/>
    <mergeCell ref="C115:C116"/>
    <mergeCell ref="A142:A143"/>
    <mergeCell ref="B142:B143"/>
    <mergeCell ref="C142:C143"/>
    <mergeCell ref="D142:D143"/>
    <mergeCell ref="G127:H127"/>
    <mergeCell ref="A136:A137"/>
    <mergeCell ref="B136:B137"/>
    <mergeCell ref="C136:C137"/>
    <mergeCell ref="D136:D137"/>
    <mergeCell ref="A127:A128"/>
    <mergeCell ref="B127:B128"/>
    <mergeCell ref="C127:C128"/>
    <mergeCell ref="D127:D128"/>
    <mergeCell ref="E127:F12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>
      <selection activeCell="B15" sqref="B15"/>
    </sheetView>
  </sheetViews>
  <sheetFormatPr defaultRowHeight="15" x14ac:dyDescent="0.25"/>
  <cols>
    <col min="1" max="1" width="3.28515625" bestFit="1" customWidth="1"/>
    <col min="2" max="2" width="220.85546875" bestFit="1" customWidth="1"/>
    <col min="3" max="3" width="15.7109375" bestFit="1" customWidth="1"/>
    <col min="4" max="4" width="28.85546875" bestFit="1" customWidth="1"/>
    <col min="5" max="5" width="18.42578125" bestFit="1" customWidth="1"/>
    <col min="6" max="6" width="13.28515625" bestFit="1" customWidth="1"/>
    <col min="7" max="7" width="33.85546875" bestFit="1" customWidth="1"/>
    <col min="8" max="8" width="12.5703125" bestFit="1" customWidth="1"/>
  </cols>
  <sheetData>
    <row r="3" spans="1:8" x14ac:dyDescent="0.25">
      <c r="A3" s="11" t="s">
        <v>0</v>
      </c>
      <c r="B3" s="10"/>
      <c r="C3" s="10"/>
      <c r="D3" s="10"/>
      <c r="E3" s="10"/>
      <c r="F3" s="10"/>
      <c r="G3" s="10"/>
      <c r="H3" s="10"/>
    </row>
    <row r="4" spans="1:8" x14ac:dyDescent="0.25">
      <c r="A4" s="11" t="s">
        <v>1</v>
      </c>
      <c r="B4" s="10"/>
      <c r="C4" s="10"/>
      <c r="D4" s="10"/>
      <c r="E4" s="10"/>
      <c r="F4" s="10"/>
      <c r="G4" s="10"/>
      <c r="H4" s="10"/>
    </row>
    <row r="5" spans="1:8" x14ac:dyDescent="0.25">
      <c r="A5" s="12" t="s">
        <v>3510</v>
      </c>
      <c r="B5" s="10"/>
      <c r="C5" s="10"/>
      <c r="D5" s="10"/>
      <c r="E5" s="10"/>
      <c r="F5" s="10"/>
      <c r="G5" s="10"/>
      <c r="H5" s="10"/>
    </row>
    <row r="6" spans="1:8" x14ac:dyDescent="0.25">
      <c r="A6" s="11" t="s">
        <v>3</v>
      </c>
      <c r="B6" s="10"/>
      <c r="C6" s="10"/>
      <c r="D6" s="10"/>
      <c r="E6" s="10"/>
      <c r="F6" s="10"/>
      <c r="G6" s="10"/>
      <c r="H6" s="10"/>
    </row>
    <row r="7" spans="1:8" x14ac:dyDescent="0.25">
      <c r="A7" s="11" t="s">
        <v>4</v>
      </c>
      <c r="B7" s="10"/>
      <c r="C7" s="10"/>
      <c r="D7" s="10"/>
      <c r="E7" s="10"/>
      <c r="F7" s="10"/>
      <c r="G7" s="10"/>
      <c r="H7" s="10"/>
    </row>
    <row r="9" spans="1:8" x14ac:dyDescent="0.25">
      <c r="A9" s="9" t="s">
        <v>3511</v>
      </c>
      <c r="B9" s="10"/>
      <c r="C9" s="10"/>
      <c r="D9" s="10"/>
      <c r="E9" s="10"/>
      <c r="F9" s="10"/>
      <c r="G9" s="10"/>
      <c r="H9" s="10"/>
    </row>
    <row r="10" spans="1:8" x14ac:dyDescent="0.25">
      <c r="A10" s="8" t="s">
        <v>6</v>
      </c>
      <c r="B10" s="8" t="s">
        <v>3512</v>
      </c>
      <c r="C10" s="8" t="s">
        <v>9</v>
      </c>
      <c r="D10" s="8" t="s">
        <v>10</v>
      </c>
      <c r="E10" s="8" t="s">
        <v>11</v>
      </c>
      <c r="F10" s="8" t="s">
        <v>11</v>
      </c>
    </row>
    <row r="11" spans="1:8" ht="21" x14ac:dyDescent="0.25">
      <c r="A11" s="8" t="s">
        <v>7</v>
      </c>
      <c r="B11" s="8" t="s">
        <v>7</v>
      </c>
      <c r="C11" s="8" t="s">
        <v>7</v>
      </c>
      <c r="D11" s="8" t="s">
        <v>7</v>
      </c>
      <c r="E11" s="1" t="s">
        <v>798</v>
      </c>
      <c r="F11" s="1" t="s">
        <v>3513</v>
      </c>
    </row>
    <row r="12" spans="1:8" x14ac:dyDescent="0.25">
      <c r="A12" s="5" t="s">
        <v>17</v>
      </c>
      <c r="B12" s="7" t="s">
        <v>3514</v>
      </c>
      <c r="C12" s="3" t="s">
        <v>3154</v>
      </c>
      <c r="D12" s="3" t="s">
        <v>3155</v>
      </c>
      <c r="E12" s="3" t="s">
        <v>3156</v>
      </c>
      <c r="F12" s="3" t="s">
        <v>3157</v>
      </c>
    </row>
    <row r="13" spans="1:8" x14ac:dyDescent="0.25">
      <c r="A13" s="4" t="s">
        <v>26</v>
      </c>
      <c r="B13" s="6" t="s">
        <v>3515</v>
      </c>
      <c r="C13" s="2" t="s">
        <v>3179</v>
      </c>
      <c r="D13" s="2" t="s">
        <v>3179</v>
      </c>
      <c r="E13" s="2" t="s">
        <v>3180</v>
      </c>
      <c r="F13" s="2" t="s">
        <v>3181</v>
      </c>
    </row>
    <row r="14" spans="1:8" x14ac:dyDescent="0.25">
      <c r="A14" s="4" t="s">
        <v>35</v>
      </c>
      <c r="B14" s="6" t="s">
        <v>3516</v>
      </c>
      <c r="C14" s="2" t="s">
        <v>3517</v>
      </c>
      <c r="D14" s="2" t="s">
        <v>3517</v>
      </c>
      <c r="E14" s="2" t="s">
        <v>3518</v>
      </c>
      <c r="F14" s="2" t="s">
        <v>3519</v>
      </c>
    </row>
    <row r="15" spans="1:8" x14ac:dyDescent="0.25">
      <c r="A15" s="4" t="s">
        <v>44</v>
      </c>
      <c r="B15" s="6" t="s">
        <v>3520</v>
      </c>
      <c r="C15" s="2" t="s">
        <v>3190</v>
      </c>
      <c r="D15" s="2" t="s">
        <v>3190</v>
      </c>
      <c r="E15" s="2" t="s">
        <v>3191</v>
      </c>
      <c r="F15" s="2" t="s">
        <v>3192</v>
      </c>
    </row>
    <row r="16" spans="1:8" x14ac:dyDescent="0.25">
      <c r="A16" s="4" t="s">
        <v>53</v>
      </c>
      <c r="B16" s="6" t="s">
        <v>3521</v>
      </c>
      <c r="C16" s="2" t="s">
        <v>2223</v>
      </c>
      <c r="D16" s="2" t="s">
        <v>2223</v>
      </c>
      <c r="E16" s="2" t="s">
        <v>2819</v>
      </c>
      <c r="F16" s="2" t="s">
        <v>3198</v>
      </c>
    </row>
    <row r="17" spans="1:6" x14ac:dyDescent="0.25">
      <c r="A17" s="4" t="s">
        <v>62</v>
      </c>
      <c r="B17" s="6" t="s">
        <v>3522</v>
      </c>
      <c r="C17" s="2" t="s">
        <v>3523</v>
      </c>
      <c r="D17" s="2" t="s">
        <v>3524</v>
      </c>
      <c r="E17" s="2" t="s">
        <v>3525</v>
      </c>
      <c r="F17" s="2" t="s">
        <v>3526</v>
      </c>
    </row>
    <row r="18" spans="1:6" x14ac:dyDescent="0.25">
      <c r="A18" s="4" t="s">
        <v>65</v>
      </c>
      <c r="B18" s="6" t="s">
        <v>3527</v>
      </c>
      <c r="C18" s="2" t="s">
        <v>3528</v>
      </c>
      <c r="D18" s="2" t="s">
        <v>3528</v>
      </c>
      <c r="E18" s="2" t="s">
        <v>3529</v>
      </c>
      <c r="F18" s="2" t="s">
        <v>3530</v>
      </c>
    </row>
    <row r="19" spans="1:6" x14ac:dyDescent="0.25">
      <c r="A19" s="4" t="s">
        <v>74</v>
      </c>
      <c r="B19" s="6" t="s">
        <v>3531</v>
      </c>
      <c r="C19" s="2" t="s">
        <v>64</v>
      </c>
      <c r="D19" s="2" t="s">
        <v>64</v>
      </c>
      <c r="E19" s="2" t="s">
        <v>64</v>
      </c>
      <c r="F19" s="2" t="s">
        <v>64</v>
      </c>
    </row>
    <row r="20" spans="1:6" x14ac:dyDescent="0.25">
      <c r="A20" s="5" t="s">
        <v>76</v>
      </c>
      <c r="B20" s="7" t="s">
        <v>3532</v>
      </c>
      <c r="C20" s="3" t="s">
        <v>3200</v>
      </c>
      <c r="D20" s="3" t="s">
        <v>3200</v>
      </c>
      <c r="E20" s="3" t="s">
        <v>3201</v>
      </c>
      <c r="F20" s="3" t="s">
        <v>3533</v>
      </c>
    </row>
    <row r="21" spans="1:6" x14ac:dyDescent="0.25">
      <c r="A21" s="4" t="s">
        <v>78</v>
      </c>
      <c r="B21" s="6" t="s">
        <v>2826</v>
      </c>
      <c r="C21" s="2" t="s">
        <v>2335</v>
      </c>
      <c r="D21" s="2" t="s">
        <v>2335</v>
      </c>
      <c r="E21" s="2" t="s">
        <v>3204</v>
      </c>
      <c r="F21" s="2" t="s">
        <v>3205</v>
      </c>
    </row>
    <row r="22" spans="1:6" x14ac:dyDescent="0.25">
      <c r="A22" s="4" t="s">
        <v>80</v>
      </c>
      <c r="B22" s="6" t="s">
        <v>3534</v>
      </c>
      <c r="C22" s="2" t="s">
        <v>2355</v>
      </c>
      <c r="D22" s="2" t="s">
        <v>2355</v>
      </c>
      <c r="E22" s="2" t="s">
        <v>3210</v>
      </c>
      <c r="F22" s="2" t="s">
        <v>3211</v>
      </c>
    </row>
    <row r="23" spans="1:6" x14ac:dyDescent="0.25">
      <c r="A23" s="5" t="s">
        <v>82</v>
      </c>
      <c r="B23" s="7" t="s">
        <v>3535</v>
      </c>
      <c r="C23" s="3" t="s">
        <v>2340</v>
      </c>
      <c r="D23" s="3" t="s">
        <v>2340</v>
      </c>
      <c r="E23" s="3" t="s">
        <v>3207</v>
      </c>
      <c r="F23" s="3" t="s">
        <v>3208</v>
      </c>
    </row>
    <row r="24" spans="1:6" x14ac:dyDescent="0.25">
      <c r="A24" s="4" t="s">
        <v>91</v>
      </c>
      <c r="B24" s="6" t="s">
        <v>3536</v>
      </c>
      <c r="C24" s="2" t="s">
        <v>2340</v>
      </c>
      <c r="D24" s="2" t="s">
        <v>2340</v>
      </c>
      <c r="E24" s="2" t="s">
        <v>3207</v>
      </c>
      <c r="F24" s="2" t="s">
        <v>3208</v>
      </c>
    </row>
    <row r="25" spans="1:6" x14ac:dyDescent="0.25">
      <c r="A25" s="4" t="s">
        <v>100</v>
      </c>
      <c r="B25" s="6" t="s">
        <v>3537</v>
      </c>
      <c r="C25" s="2" t="s">
        <v>64</v>
      </c>
      <c r="D25" s="2" t="s">
        <v>64</v>
      </c>
      <c r="E25" s="2" t="s">
        <v>64</v>
      </c>
      <c r="F25" s="2" t="s">
        <v>64</v>
      </c>
    </row>
    <row r="26" spans="1:6" x14ac:dyDescent="0.25">
      <c r="A26" s="5" t="s">
        <v>109</v>
      </c>
      <c r="B26" s="7" t="s">
        <v>3538</v>
      </c>
      <c r="C26" s="3" t="s">
        <v>3214</v>
      </c>
      <c r="D26" s="3" t="s">
        <v>3215</v>
      </c>
      <c r="E26" s="3" t="s">
        <v>3216</v>
      </c>
      <c r="F26" s="3" t="s">
        <v>3539</v>
      </c>
    </row>
    <row r="27" spans="1:6" x14ac:dyDescent="0.25">
      <c r="A27" s="4" t="s">
        <v>111</v>
      </c>
      <c r="B27" s="6" t="s">
        <v>3540</v>
      </c>
      <c r="C27" s="2" t="s">
        <v>3219</v>
      </c>
      <c r="D27" s="2" t="s">
        <v>3220</v>
      </c>
      <c r="E27" s="2" t="s">
        <v>3221</v>
      </c>
      <c r="F27" s="2" t="s">
        <v>3222</v>
      </c>
    </row>
    <row r="28" spans="1:6" x14ac:dyDescent="0.25">
      <c r="A28" s="4" t="s">
        <v>119</v>
      </c>
      <c r="B28" s="6" t="s">
        <v>3541</v>
      </c>
      <c r="C28" s="2" t="s">
        <v>3224</v>
      </c>
      <c r="D28" s="2" t="s">
        <v>3224</v>
      </c>
      <c r="E28" s="2" t="s">
        <v>3225</v>
      </c>
      <c r="F28" s="2" t="s">
        <v>3188</v>
      </c>
    </row>
    <row r="29" spans="1:6" x14ac:dyDescent="0.25">
      <c r="A29" s="4" t="s">
        <v>121</v>
      </c>
      <c r="B29" s="6" t="s">
        <v>3542</v>
      </c>
      <c r="C29" s="2" t="s">
        <v>3227</v>
      </c>
      <c r="D29" s="2" t="s">
        <v>3227</v>
      </c>
      <c r="E29" s="2" t="s">
        <v>3228</v>
      </c>
      <c r="F29" s="2" t="s">
        <v>3211</v>
      </c>
    </row>
    <row r="30" spans="1:6" x14ac:dyDescent="0.25">
      <c r="A30" s="5" t="s">
        <v>128</v>
      </c>
      <c r="B30" s="7" t="s">
        <v>3543</v>
      </c>
      <c r="C30" s="3" t="s">
        <v>3230</v>
      </c>
      <c r="D30" s="3" t="s">
        <v>3231</v>
      </c>
      <c r="E30" s="3" t="s">
        <v>3232</v>
      </c>
      <c r="F30" s="3" t="s">
        <v>3233</v>
      </c>
    </row>
    <row r="32" spans="1:6" x14ac:dyDescent="0.25">
      <c r="A32" s="8" t="s">
        <v>6</v>
      </c>
      <c r="B32" s="8" t="s">
        <v>3544</v>
      </c>
      <c r="C32" s="8" t="s">
        <v>9</v>
      </c>
      <c r="D32" s="8" t="s">
        <v>3545</v>
      </c>
      <c r="E32" s="8" t="s">
        <v>11</v>
      </c>
      <c r="F32" s="8" t="s">
        <v>11</v>
      </c>
    </row>
    <row r="33" spans="1:8" ht="21" x14ac:dyDescent="0.25">
      <c r="A33" s="8" t="s">
        <v>7</v>
      </c>
      <c r="B33" s="8" t="s">
        <v>7</v>
      </c>
      <c r="C33" s="8" t="s">
        <v>7</v>
      </c>
      <c r="D33" s="8" t="s">
        <v>7</v>
      </c>
      <c r="E33" s="1" t="s">
        <v>801</v>
      </c>
      <c r="F33" s="1" t="s">
        <v>3546</v>
      </c>
    </row>
    <row r="34" spans="1:8" x14ac:dyDescent="0.25">
      <c r="A34" s="5" t="s">
        <v>130</v>
      </c>
      <c r="B34" s="7" t="s">
        <v>3547</v>
      </c>
      <c r="C34" s="3" t="s">
        <v>3548</v>
      </c>
      <c r="D34" s="3" t="s">
        <v>3548</v>
      </c>
      <c r="E34" s="3" t="s">
        <v>3549</v>
      </c>
      <c r="F34" s="3" t="s">
        <v>3550</v>
      </c>
    </row>
    <row r="35" spans="1:8" x14ac:dyDescent="0.25">
      <c r="A35" s="4" t="s">
        <v>132</v>
      </c>
      <c r="B35" s="6" t="s">
        <v>3551</v>
      </c>
      <c r="C35" s="2" t="s">
        <v>3552</v>
      </c>
      <c r="D35" s="2" t="s">
        <v>3552</v>
      </c>
      <c r="E35" s="2" t="s">
        <v>3553</v>
      </c>
      <c r="F35" s="2" t="s">
        <v>3554</v>
      </c>
    </row>
    <row r="36" spans="1:8" x14ac:dyDescent="0.25">
      <c r="A36" s="4" t="s">
        <v>134</v>
      </c>
      <c r="B36" s="6" t="s">
        <v>3555</v>
      </c>
      <c r="C36" s="2" t="s">
        <v>64</v>
      </c>
      <c r="D36" s="2" t="s">
        <v>64</v>
      </c>
      <c r="E36" s="2" t="s">
        <v>64</v>
      </c>
      <c r="F36" s="2" t="s">
        <v>64</v>
      </c>
    </row>
    <row r="37" spans="1:8" x14ac:dyDescent="0.25">
      <c r="A37" s="4" t="s">
        <v>143</v>
      </c>
      <c r="B37" s="6" t="s">
        <v>3556</v>
      </c>
      <c r="C37" s="2" t="s">
        <v>64</v>
      </c>
      <c r="D37" s="2" t="s">
        <v>64</v>
      </c>
      <c r="E37" s="2" t="s">
        <v>64</v>
      </c>
      <c r="F37" s="2" t="s">
        <v>64</v>
      </c>
    </row>
    <row r="38" spans="1:8" x14ac:dyDescent="0.25">
      <c r="A38" s="4" t="s">
        <v>152</v>
      </c>
      <c r="B38" s="6" t="s">
        <v>3557</v>
      </c>
      <c r="C38" s="2" t="s">
        <v>3558</v>
      </c>
      <c r="D38" s="2" t="s">
        <v>3558</v>
      </c>
      <c r="E38" s="2" t="s">
        <v>3559</v>
      </c>
      <c r="F38" s="2" t="s">
        <v>3560</v>
      </c>
    </row>
    <row r="39" spans="1:8" x14ac:dyDescent="0.25">
      <c r="A39" s="4" t="s">
        <v>160</v>
      </c>
      <c r="B39" s="6" t="s">
        <v>3561</v>
      </c>
      <c r="C39" s="2" t="s">
        <v>3562</v>
      </c>
      <c r="D39" s="2" t="s">
        <v>3562</v>
      </c>
      <c r="E39" s="2" t="s">
        <v>3563</v>
      </c>
      <c r="F39" s="2" t="s">
        <v>3564</v>
      </c>
    </row>
    <row r="40" spans="1:8" x14ac:dyDescent="0.25">
      <c r="A40" s="4" t="s">
        <v>168</v>
      </c>
      <c r="B40" s="6" t="s">
        <v>3565</v>
      </c>
      <c r="C40" s="2" t="s">
        <v>64</v>
      </c>
      <c r="D40" s="2" t="s">
        <v>64</v>
      </c>
      <c r="E40" s="2" t="s">
        <v>64</v>
      </c>
      <c r="F40" s="2" t="s">
        <v>64</v>
      </c>
    </row>
    <row r="41" spans="1:8" x14ac:dyDescent="0.25">
      <c r="A41" s="4" t="s">
        <v>170</v>
      </c>
      <c r="B41" s="6" t="s">
        <v>3566</v>
      </c>
      <c r="C41" s="2" t="s">
        <v>3567</v>
      </c>
      <c r="D41" s="2" t="s">
        <v>3567</v>
      </c>
      <c r="E41" s="2" t="s">
        <v>3568</v>
      </c>
      <c r="F41" s="2" t="s">
        <v>3569</v>
      </c>
    </row>
    <row r="42" spans="1:8" x14ac:dyDescent="0.25">
      <c r="A42" s="5" t="s">
        <v>178</v>
      </c>
      <c r="B42" s="7" t="s">
        <v>3570</v>
      </c>
      <c r="C42" s="3" t="s">
        <v>3571</v>
      </c>
      <c r="D42" s="3" t="s">
        <v>3571</v>
      </c>
      <c r="E42" s="3" t="s">
        <v>3572</v>
      </c>
      <c r="F42" s="3" t="s">
        <v>3573</v>
      </c>
    </row>
    <row r="44" spans="1:8" x14ac:dyDescent="0.25">
      <c r="A44" s="8" t="s">
        <v>6</v>
      </c>
      <c r="B44" s="8" t="s">
        <v>3574</v>
      </c>
      <c r="C44" s="8" t="s">
        <v>796</v>
      </c>
      <c r="D44" s="8" t="s">
        <v>437</v>
      </c>
      <c r="E44" s="8" t="s">
        <v>438</v>
      </c>
      <c r="F44" s="8" t="s">
        <v>7</v>
      </c>
      <c r="G44" s="8" t="s">
        <v>442</v>
      </c>
      <c r="H44" s="8" t="s">
        <v>442</v>
      </c>
    </row>
    <row r="45" spans="1:8" ht="21" x14ac:dyDescent="0.25">
      <c r="A45" s="8" t="s">
        <v>7</v>
      </c>
      <c r="B45" s="8" t="s">
        <v>7</v>
      </c>
      <c r="C45" s="8" t="s">
        <v>7</v>
      </c>
      <c r="D45" s="8" t="s">
        <v>7</v>
      </c>
      <c r="E45" s="1" t="s">
        <v>440</v>
      </c>
      <c r="F45" s="1" t="s">
        <v>3575</v>
      </c>
      <c r="G45" s="1" t="s">
        <v>3318</v>
      </c>
      <c r="H45" s="1" t="s">
        <v>3576</v>
      </c>
    </row>
    <row r="46" spans="1:8" x14ac:dyDescent="0.25">
      <c r="A46" s="5" t="s">
        <v>187</v>
      </c>
      <c r="B46" s="7" t="s">
        <v>758</v>
      </c>
      <c r="C46" s="3" t="s">
        <v>3577</v>
      </c>
      <c r="D46" s="3" t="s">
        <v>3578</v>
      </c>
      <c r="E46" s="3" t="s">
        <v>3579</v>
      </c>
      <c r="F46" s="3" t="s">
        <v>3580</v>
      </c>
      <c r="G46" s="3" t="s">
        <v>3581</v>
      </c>
      <c r="H46" s="3" t="s">
        <v>3582</v>
      </c>
    </row>
    <row r="47" spans="1:8" x14ac:dyDescent="0.25">
      <c r="A47" s="4" t="s">
        <v>196</v>
      </c>
      <c r="B47" s="6" t="s">
        <v>3583</v>
      </c>
      <c r="C47" s="2" t="s">
        <v>3584</v>
      </c>
      <c r="D47" s="2" t="s">
        <v>3585</v>
      </c>
      <c r="E47" s="2" t="s">
        <v>3586</v>
      </c>
      <c r="F47" s="2" t="s">
        <v>3587</v>
      </c>
      <c r="G47" s="2" t="s">
        <v>3588</v>
      </c>
      <c r="H47" s="2" t="s">
        <v>3589</v>
      </c>
    </row>
    <row r="48" spans="1:8" x14ac:dyDescent="0.25">
      <c r="A48" s="4" t="s">
        <v>198</v>
      </c>
      <c r="B48" s="6" t="s">
        <v>3590</v>
      </c>
      <c r="C48" s="2" t="s">
        <v>3591</v>
      </c>
      <c r="D48" s="2" t="s">
        <v>3592</v>
      </c>
      <c r="E48" s="2" t="s">
        <v>3593</v>
      </c>
      <c r="F48" s="2" t="s">
        <v>3594</v>
      </c>
      <c r="G48" s="2" t="s">
        <v>3593</v>
      </c>
      <c r="H48" s="2" t="s">
        <v>3594</v>
      </c>
    </row>
    <row r="49" spans="1:8" x14ac:dyDescent="0.25">
      <c r="A49" s="4" t="s">
        <v>206</v>
      </c>
      <c r="B49" s="6" t="s">
        <v>3595</v>
      </c>
      <c r="C49" s="2" t="s">
        <v>3596</v>
      </c>
      <c r="D49" s="2" t="s">
        <v>3597</v>
      </c>
      <c r="E49" s="2" t="s">
        <v>3598</v>
      </c>
      <c r="F49" s="2" t="s">
        <v>3599</v>
      </c>
      <c r="G49" s="2" t="s">
        <v>3600</v>
      </c>
      <c r="H49" s="2" t="s">
        <v>3601</v>
      </c>
    </row>
    <row r="50" spans="1:8" x14ac:dyDescent="0.25">
      <c r="A50" s="5" t="s">
        <v>214</v>
      </c>
      <c r="B50" s="7" t="s">
        <v>784</v>
      </c>
      <c r="C50" s="3" t="s">
        <v>3602</v>
      </c>
      <c r="D50" s="3" t="s">
        <v>3603</v>
      </c>
      <c r="E50" s="3" t="s">
        <v>3604</v>
      </c>
      <c r="F50" s="3" t="s">
        <v>3605</v>
      </c>
      <c r="G50" s="3" t="s">
        <v>3606</v>
      </c>
      <c r="H50" s="3" t="s">
        <v>3607</v>
      </c>
    </row>
    <row r="51" spans="1:8" x14ac:dyDescent="0.25">
      <c r="A51" s="4" t="s">
        <v>222</v>
      </c>
      <c r="B51" s="6" t="s">
        <v>3608</v>
      </c>
      <c r="C51" s="2" t="s">
        <v>3609</v>
      </c>
      <c r="D51" s="2" t="s">
        <v>3610</v>
      </c>
      <c r="E51" s="2" t="s">
        <v>3611</v>
      </c>
      <c r="F51" s="2" t="s">
        <v>3612</v>
      </c>
      <c r="G51" s="2" t="s">
        <v>3613</v>
      </c>
      <c r="H51" s="2" t="s">
        <v>3614</v>
      </c>
    </row>
    <row r="52" spans="1:8" x14ac:dyDescent="0.25">
      <c r="A52" s="4" t="s">
        <v>230</v>
      </c>
      <c r="B52" s="6" t="s">
        <v>3615</v>
      </c>
      <c r="C52" s="2" t="s">
        <v>3616</v>
      </c>
      <c r="D52" s="2" t="s">
        <v>3616</v>
      </c>
      <c r="E52" s="2" t="s">
        <v>64</v>
      </c>
      <c r="F52" s="2" t="s">
        <v>64</v>
      </c>
      <c r="G52" s="2" t="s">
        <v>64</v>
      </c>
      <c r="H52" s="2" t="s">
        <v>64</v>
      </c>
    </row>
    <row r="53" spans="1:8" x14ac:dyDescent="0.25">
      <c r="A53" s="4" t="s">
        <v>232</v>
      </c>
      <c r="B53" s="6" t="s">
        <v>3617</v>
      </c>
      <c r="C53" s="2" t="s">
        <v>3618</v>
      </c>
      <c r="D53" s="2" t="s">
        <v>3619</v>
      </c>
      <c r="E53" s="2" t="s">
        <v>3620</v>
      </c>
      <c r="F53" s="2" t="s">
        <v>3621</v>
      </c>
      <c r="G53" s="2" t="s">
        <v>3620</v>
      </c>
      <c r="H53" s="2" t="s">
        <v>3621</v>
      </c>
    </row>
    <row r="54" spans="1:8" x14ac:dyDescent="0.25">
      <c r="A54" s="5" t="s">
        <v>234</v>
      </c>
      <c r="B54" s="7" t="s">
        <v>3622</v>
      </c>
      <c r="C54" s="3" t="s">
        <v>3623</v>
      </c>
      <c r="D54" s="3" t="s">
        <v>3624</v>
      </c>
      <c r="E54" s="3" t="s">
        <v>3625</v>
      </c>
      <c r="F54" s="3" t="s">
        <v>3626</v>
      </c>
      <c r="G54" s="3" t="s">
        <v>3627</v>
      </c>
      <c r="H54" s="3" t="s">
        <v>3628</v>
      </c>
    </row>
    <row r="56" spans="1:8" x14ac:dyDescent="0.25">
      <c r="A56" s="8" t="s">
        <v>6</v>
      </c>
      <c r="B56" s="8" t="s">
        <v>3629</v>
      </c>
      <c r="C56" s="8" t="s">
        <v>796</v>
      </c>
      <c r="D56" s="8" t="s">
        <v>2605</v>
      </c>
      <c r="E56" s="8" t="s">
        <v>438</v>
      </c>
      <c r="F56" s="8" t="s">
        <v>7</v>
      </c>
      <c r="G56" s="8" t="s">
        <v>442</v>
      </c>
      <c r="H56" s="8" t="s">
        <v>442</v>
      </c>
    </row>
    <row r="57" spans="1:8" ht="21" x14ac:dyDescent="0.25">
      <c r="A57" s="8" t="s">
        <v>7</v>
      </c>
      <c r="B57" s="8" t="s">
        <v>7</v>
      </c>
      <c r="C57" s="8" t="s">
        <v>7</v>
      </c>
      <c r="D57" s="8" t="s">
        <v>7</v>
      </c>
      <c r="E57" s="1" t="s">
        <v>443</v>
      </c>
      <c r="F57" s="1" t="s">
        <v>3630</v>
      </c>
      <c r="G57" s="1" t="s">
        <v>3631</v>
      </c>
      <c r="H57" s="1" t="s">
        <v>3632</v>
      </c>
    </row>
    <row r="58" spans="1:8" x14ac:dyDescent="0.25">
      <c r="A58" s="4" t="s">
        <v>243</v>
      </c>
      <c r="B58" s="6" t="s">
        <v>3633</v>
      </c>
      <c r="C58" s="2" t="s">
        <v>64</v>
      </c>
      <c r="D58" s="2" t="s">
        <v>64</v>
      </c>
      <c r="E58" s="2" t="s">
        <v>64</v>
      </c>
      <c r="F58" s="2" t="s">
        <v>3634</v>
      </c>
      <c r="G58" s="2" t="s">
        <v>64</v>
      </c>
      <c r="H58" s="2" t="s">
        <v>3635</v>
      </c>
    </row>
    <row r="59" spans="1:8" x14ac:dyDescent="0.25">
      <c r="A59" s="4" t="s">
        <v>252</v>
      </c>
      <c r="B59" s="6" t="s">
        <v>3636</v>
      </c>
      <c r="C59" s="2" t="s">
        <v>64</v>
      </c>
      <c r="D59" s="2" t="s">
        <v>64</v>
      </c>
      <c r="E59" s="2" t="s">
        <v>64</v>
      </c>
      <c r="F59" s="2" t="s">
        <v>3634</v>
      </c>
      <c r="G59" s="2" t="s">
        <v>64</v>
      </c>
      <c r="H59" s="2" t="s">
        <v>3635</v>
      </c>
    </row>
    <row r="60" spans="1:8" x14ac:dyDescent="0.25">
      <c r="A60" s="5" t="s">
        <v>261</v>
      </c>
      <c r="B60" s="7" t="s">
        <v>3637</v>
      </c>
      <c r="C60" s="3" t="s">
        <v>3571</v>
      </c>
      <c r="D60" s="3" t="s">
        <v>3638</v>
      </c>
      <c r="E60" s="3" t="s">
        <v>3639</v>
      </c>
      <c r="F60" s="3" t="s">
        <v>3640</v>
      </c>
      <c r="G60" s="3" t="s">
        <v>3641</v>
      </c>
      <c r="H60" s="3" t="s">
        <v>3642</v>
      </c>
    </row>
    <row r="61" spans="1:8" x14ac:dyDescent="0.25">
      <c r="A61" s="4" t="s">
        <v>263</v>
      </c>
      <c r="B61" s="6" t="s">
        <v>3643</v>
      </c>
      <c r="C61" s="2" t="s">
        <v>3644</v>
      </c>
      <c r="D61" s="2" t="s">
        <v>3645</v>
      </c>
      <c r="E61" s="2" t="s">
        <v>3646</v>
      </c>
      <c r="F61" s="2" t="s">
        <v>3647</v>
      </c>
      <c r="G61" s="2" t="s">
        <v>3648</v>
      </c>
      <c r="H61" s="2" t="s">
        <v>3649</v>
      </c>
    </row>
    <row r="62" spans="1:8" x14ac:dyDescent="0.25">
      <c r="A62" s="4" t="s">
        <v>272</v>
      </c>
      <c r="B62" s="6" t="s">
        <v>3650</v>
      </c>
      <c r="C62" s="2" t="s">
        <v>64</v>
      </c>
      <c r="D62" s="2" t="s">
        <v>291</v>
      </c>
      <c r="E62" s="2" t="s">
        <v>291</v>
      </c>
      <c r="F62" s="2" t="s">
        <v>3634</v>
      </c>
      <c r="G62" s="2" t="s">
        <v>3651</v>
      </c>
      <c r="H62" s="2" t="s">
        <v>3635</v>
      </c>
    </row>
    <row r="63" spans="1:8" x14ac:dyDescent="0.25">
      <c r="A63" s="4" t="s">
        <v>281</v>
      </c>
      <c r="B63" s="6" t="s">
        <v>3652</v>
      </c>
      <c r="C63" s="2" t="s">
        <v>3653</v>
      </c>
      <c r="D63" s="2" t="s">
        <v>3653</v>
      </c>
      <c r="E63" s="2" t="s">
        <v>3654</v>
      </c>
      <c r="F63" s="2" t="s">
        <v>3655</v>
      </c>
      <c r="G63" s="2" t="s">
        <v>3656</v>
      </c>
      <c r="H63" s="2" t="s">
        <v>3657</v>
      </c>
    </row>
    <row r="64" spans="1:8" x14ac:dyDescent="0.25">
      <c r="A64" s="4" t="s">
        <v>289</v>
      </c>
      <c r="B64" s="6" t="s">
        <v>3658</v>
      </c>
      <c r="C64" s="2" t="s">
        <v>64</v>
      </c>
      <c r="D64" s="2" t="s">
        <v>64</v>
      </c>
      <c r="E64" s="2" t="s">
        <v>64</v>
      </c>
      <c r="F64" s="2" t="s">
        <v>64</v>
      </c>
      <c r="G64" s="2" t="s">
        <v>64</v>
      </c>
      <c r="H64" s="2" t="s">
        <v>64</v>
      </c>
    </row>
    <row r="65" spans="1:8" x14ac:dyDescent="0.25">
      <c r="A65" s="4" t="s">
        <v>295</v>
      </c>
      <c r="B65" s="6" t="s">
        <v>3659</v>
      </c>
      <c r="C65" s="2" t="s">
        <v>64</v>
      </c>
      <c r="D65" s="2" t="s">
        <v>64</v>
      </c>
      <c r="E65" s="2" t="s">
        <v>64</v>
      </c>
      <c r="F65" s="2" t="s">
        <v>64</v>
      </c>
      <c r="G65" s="2" t="s">
        <v>64</v>
      </c>
      <c r="H65" s="2" t="s">
        <v>64</v>
      </c>
    </row>
    <row r="66" spans="1:8" x14ac:dyDescent="0.25">
      <c r="A66" s="4" t="s">
        <v>298</v>
      </c>
      <c r="B66" s="6" t="s">
        <v>3660</v>
      </c>
      <c r="C66" s="2" t="s">
        <v>64</v>
      </c>
      <c r="D66" s="2" t="s">
        <v>64</v>
      </c>
      <c r="E66" s="2" t="s">
        <v>64</v>
      </c>
      <c r="F66" s="2" t="s">
        <v>64</v>
      </c>
      <c r="G66" s="2" t="s">
        <v>64</v>
      </c>
      <c r="H66" s="2" t="s">
        <v>64</v>
      </c>
    </row>
    <row r="67" spans="1:8" x14ac:dyDescent="0.25">
      <c r="A67" s="4" t="s">
        <v>307</v>
      </c>
      <c r="B67" s="6" t="s">
        <v>3661</v>
      </c>
      <c r="C67" s="2" t="s">
        <v>64</v>
      </c>
      <c r="D67" s="2" t="s">
        <v>64</v>
      </c>
      <c r="E67" s="2" t="s">
        <v>64</v>
      </c>
      <c r="F67" s="2" t="s">
        <v>64</v>
      </c>
      <c r="G67" s="2" t="s">
        <v>64</v>
      </c>
      <c r="H67" s="2" t="s">
        <v>64</v>
      </c>
    </row>
    <row r="68" spans="1:8" x14ac:dyDescent="0.25">
      <c r="A68" s="5" t="s">
        <v>314</v>
      </c>
      <c r="B68" s="7" t="s">
        <v>3662</v>
      </c>
      <c r="C68" s="3" t="s">
        <v>3571</v>
      </c>
      <c r="D68" s="3" t="s">
        <v>3638</v>
      </c>
      <c r="E68" s="3" t="s">
        <v>3639</v>
      </c>
      <c r="F68" s="3" t="s">
        <v>3640</v>
      </c>
      <c r="G68" s="3" t="s">
        <v>3641</v>
      </c>
      <c r="H68" s="3" t="s">
        <v>3642</v>
      </c>
    </row>
    <row r="70" spans="1:8" x14ac:dyDescent="0.25">
      <c r="A70" s="8" t="s">
        <v>6</v>
      </c>
      <c r="B70" s="8" t="s">
        <v>3663</v>
      </c>
      <c r="C70" s="8" t="s">
        <v>796</v>
      </c>
      <c r="D70" s="8" t="s">
        <v>2605</v>
      </c>
      <c r="E70" s="8" t="s">
        <v>438</v>
      </c>
      <c r="F70" s="8" t="s">
        <v>7</v>
      </c>
      <c r="G70" s="8" t="s">
        <v>442</v>
      </c>
      <c r="H70" s="8" t="s">
        <v>442</v>
      </c>
    </row>
    <row r="71" spans="1:8" ht="21" x14ac:dyDescent="0.25">
      <c r="A71" s="8" t="s">
        <v>7</v>
      </c>
      <c r="B71" s="8" t="s">
        <v>7</v>
      </c>
      <c r="C71" s="8" t="s">
        <v>7</v>
      </c>
      <c r="D71" s="8" t="s">
        <v>7</v>
      </c>
      <c r="E71" s="1" t="s">
        <v>443</v>
      </c>
      <c r="F71" s="1" t="s">
        <v>3664</v>
      </c>
      <c r="G71" s="1" t="s">
        <v>3631</v>
      </c>
      <c r="H71" s="1" t="s">
        <v>3665</v>
      </c>
    </row>
    <row r="72" spans="1:8" x14ac:dyDescent="0.25">
      <c r="A72" s="4" t="s">
        <v>322</v>
      </c>
      <c r="B72" s="6" t="s">
        <v>3666</v>
      </c>
      <c r="C72" s="2" t="s">
        <v>3667</v>
      </c>
      <c r="D72" s="2" t="s">
        <v>3668</v>
      </c>
      <c r="E72" s="2" t="s">
        <v>3669</v>
      </c>
      <c r="F72" s="2" t="s">
        <v>3670</v>
      </c>
      <c r="G72" s="2" t="s">
        <v>3671</v>
      </c>
      <c r="H72" s="2" t="s">
        <v>3672</v>
      </c>
    </row>
    <row r="74" spans="1:8" x14ac:dyDescent="0.25">
      <c r="A74" s="8" t="s">
        <v>6</v>
      </c>
      <c r="B74" s="8" t="s">
        <v>3673</v>
      </c>
      <c r="C74" s="8" t="s">
        <v>2924</v>
      </c>
    </row>
    <row r="75" spans="1:8" x14ac:dyDescent="0.25">
      <c r="A75" s="8" t="s">
        <v>7</v>
      </c>
      <c r="B75" s="8" t="s">
        <v>7</v>
      </c>
      <c r="C75" s="8" t="s">
        <v>7</v>
      </c>
    </row>
    <row r="76" spans="1:8" x14ac:dyDescent="0.25">
      <c r="A76" s="4" t="s">
        <v>324</v>
      </c>
      <c r="B76" s="6" t="s">
        <v>3674</v>
      </c>
      <c r="C76" s="2" t="s">
        <v>3675</v>
      </c>
    </row>
    <row r="78" spans="1:8" x14ac:dyDescent="0.25">
      <c r="A78" s="8" t="s">
        <v>6</v>
      </c>
      <c r="B78" s="8" t="s">
        <v>3676</v>
      </c>
      <c r="C78" s="8" t="s">
        <v>2924</v>
      </c>
    </row>
    <row r="79" spans="1:8" x14ac:dyDescent="0.25">
      <c r="A79" s="8" t="s">
        <v>7</v>
      </c>
      <c r="B79" s="8" t="s">
        <v>7</v>
      </c>
      <c r="C79" s="8" t="s">
        <v>7</v>
      </c>
    </row>
    <row r="80" spans="1:8" x14ac:dyDescent="0.25">
      <c r="A80" s="4" t="s">
        <v>333</v>
      </c>
      <c r="B80" s="6" t="s">
        <v>3677</v>
      </c>
      <c r="C80" s="2" t="s">
        <v>3678</v>
      </c>
    </row>
    <row r="82" spans="1:7" x14ac:dyDescent="0.25">
      <c r="A82" s="8" t="s">
        <v>6</v>
      </c>
      <c r="B82" s="8" t="s">
        <v>3679</v>
      </c>
      <c r="C82" s="8" t="s">
        <v>3680</v>
      </c>
      <c r="D82" s="8" t="s">
        <v>3681</v>
      </c>
      <c r="E82" s="8" t="s">
        <v>3682</v>
      </c>
      <c r="F82" s="8" t="s">
        <v>3683</v>
      </c>
      <c r="G82" s="8" t="s">
        <v>3684</v>
      </c>
    </row>
    <row r="83" spans="1:7" x14ac:dyDescent="0.25">
      <c r="A83" s="8" t="s">
        <v>7</v>
      </c>
      <c r="B83" s="8" t="s">
        <v>7</v>
      </c>
      <c r="C83" s="8" t="s">
        <v>7</v>
      </c>
      <c r="D83" s="8" t="s">
        <v>7</v>
      </c>
      <c r="E83" s="8" t="s">
        <v>7</v>
      </c>
      <c r="F83" s="8" t="s">
        <v>7</v>
      </c>
      <c r="G83" s="8" t="s">
        <v>7</v>
      </c>
    </row>
    <row r="84" spans="1:7" x14ac:dyDescent="0.25">
      <c r="A84" s="4" t="s">
        <v>342</v>
      </c>
      <c r="B84" s="6" t="s">
        <v>3685</v>
      </c>
      <c r="C84" s="2" t="s">
        <v>64</v>
      </c>
      <c r="D84" s="2" t="s">
        <v>64</v>
      </c>
      <c r="E84" s="2" t="s">
        <v>64</v>
      </c>
      <c r="F84" s="2" t="s">
        <v>64</v>
      </c>
      <c r="G84" s="2" t="s">
        <v>64</v>
      </c>
    </row>
    <row r="85" spans="1:7" x14ac:dyDescent="0.25">
      <c r="A85" s="4" t="s">
        <v>350</v>
      </c>
      <c r="B85" s="6" t="s">
        <v>3686</v>
      </c>
      <c r="C85" s="2" t="s">
        <v>3687</v>
      </c>
      <c r="D85" s="2" t="s">
        <v>3688</v>
      </c>
      <c r="E85" s="2" t="s">
        <v>3689</v>
      </c>
      <c r="F85" s="2" t="s">
        <v>3690</v>
      </c>
      <c r="G85" s="2" t="s">
        <v>64</v>
      </c>
    </row>
    <row r="86" spans="1:7" x14ac:dyDescent="0.25">
      <c r="A86" s="4" t="s">
        <v>358</v>
      </c>
      <c r="B86" s="6" t="s">
        <v>3691</v>
      </c>
      <c r="C86" s="2" t="s">
        <v>3692</v>
      </c>
      <c r="D86" s="2" t="s">
        <v>3693</v>
      </c>
      <c r="E86" s="2" t="s">
        <v>3694</v>
      </c>
      <c r="F86" s="2" t="s">
        <v>3695</v>
      </c>
      <c r="G86" s="2" t="s">
        <v>64</v>
      </c>
    </row>
    <row r="87" spans="1:7" x14ac:dyDescent="0.25">
      <c r="A87" s="4" t="s">
        <v>362</v>
      </c>
      <c r="B87" s="6" t="s">
        <v>3696</v>
      </c>
      <c r="C87" s="2" t="s">
        <v>3697</v>
      </c>
      <c r="D87" s="2" t="s">
        <v>1434</v>
      </c>
      <c r="E87" s="2" t="s">
        <v>3698</v>
      </c>
      <c r="F87" s="2" t="s">
        <v>3699</v>
      </c>
      <c r="G87" s="2" t="s">
        <v>64</v>
      </c>
    </row>
    <row r="88" spans="1:7" x14ac:dyDescent="0.25">
      <c r="A88" s="4" t="s">
        <v>369</v>
      </c>
      <c r="B88" s="6" t="s">
        <v>3700</v>
      </c>
      <c r="C88" s="2" t="s">
        <v>3701</v>
      </c>
      <c r="D88" s="2" t="s">
        <v>64</v>
      </c>
      <c r="E88" s="2" t="s">
        <v>3702</v>
      </c>
      <c r="F88" s="2" t="s">
        <v>3703</v>
      </c>
      <c r="G88" s="2" t="s">
        <v>64</v>
      </c>
    </row>
    <row r="89" spans="1:7" x14ac:dyDescent="0.25">
      <c r="A89" s="4" t="s">
        <v>370</v>
      </c>
      <c r="B89" s="6" t="s">
        <v>3704</v>
      </c>
      <c r="C89" s="2" t="s">
        <v>3692</v>
      </c>
      <c r="D89" s="2" t="s">
        <v>3705</v>
      </c>
      <c r="E89" s="2" t="s">
        <v>64</v>
      </c>
      <c r="F89" s="2" t="s">
        <v>3706</v>
      </c>
      <c r="G89" s="2" t="s">
        <v>64</v>
      </c>
    </row>
    <row r="90" spans="1:7" x14ac:dyDescent="0.25">
      <c r="A90" s="5" t="s">
        <v>372</v>
      </c>
      <c r="B90" s="7" t="s">
        <v>3707</v>
      </c>
      <c r="C90" s="3" t="s">
        <v>3708</v>
      </c>
      <c r="D90" s="3" t="s">
        <v>3709</v>
      </c>
      <c r="E90" s="3" t="s">
        <v>3710</v>
      </c>
      <c r="F90" s="3" t="s">
        <v>3711</v>
      </c>
      <c r="G90" s="3" t="s">
        <v>64</v>
      </c>
    </row>
    <row r="92" spans="1:7" x14ac:dyDescent="0.25">
      <c r="A92" s="8" t="s">
        <v>6</v>
      </c>
      <c r="B92" s="8" t="s">
        <v>3712</v>
      </c>
      <c r="C92" s="8" t="s">
        <v>3713</v>
      </c>
      <c r="D92" s="8" t="s">
        <v>7</v>
      </c>
      <c r="E92" s="8" t="s">
        <v>3713</v>
      </c>
    </row>
    <row r="93" spans="1:7" ht="21" x14ac:dyDescent="0.25">
      <c r="A93" s="8" t="s">
        <v>7</v>
      </c>
      <c r="B93" s="8" t="s">
        <v>7</v>
      </c>
      <c r="C93" s="1" t="s">
        <v>3714</v>
      </c>
      <c r="D93" s="1" t="s">
        <v>3715</v>
      </c>
      <c r="E93" s="1" t="s">
        <v>3716</v>
      </c>
    </row>
    <row r="94" spans="1:7" x14ac:dyDescent="0.25">
      <c r="A94" s="4" t="s">
        <v>374</v>
      </c>
      <c r="B94" s="6" t="s">
        <v>3717</v>
      </c>
      <c r="C94" s="2" t="s">
        <v>64</v>
      </c>
      <c r="D94" s="2" t="s">
        <v>64</v>
      </c>
      <c r="E94" s="2" t="s">
        <v>64</v>
      </c>
    </row>
    <row r="95" spans="1:7" x14ac:dyDescent="0.25">
      <c r="A95" s="4" t="s">
        <v>375</v>
      </c>
      <c r="B95" s="6" t="s">
        <v>3718</v>
      </c>
      <c r="C95" s="2" t="s">
        <v>64</v>
      </c>
      <c r="D95" s="2" t="s">
        <v>64</v>
      </c>
      <c r="E95" s="2" t="s">
        <v>64</v>
      </c>
    </row>
    <row r="96" spans="1:7" x14ac:dyDescent="0.25">
      <c r="A96" s="4" t="s">
        <v>381</v>
      </c>
      <c r="B96" s="6" t="s">
        <v>3719</v>
      </c>
      <c r="C96" s="2" t="s">
        <v>64</v>
      </c>
      <c r="D96" s="2" t="s">
        <v>64</v>
      </c>
      <c r="E96" s="2" t="s">
        <v>64</v>
      </c>
    </row>
    <row r="97" spans="1:8" x14ac:dyDescent="0.25">
      <c r="A97" s="4" t="s">
        <v>383</v>
      </c>
      <c r="B97" s="6" t="s">
        <v>3720</v>
      </c>
      <c r="C97" s="2" t="s">
        <v>64</v>
      </c>
      <c r="D97" s="2" t="s">
        <v>64</v>
      </c>
      <c r="E97" s="2" t="s">
        <v>64</v>
      </c>
    </row>
    <row r="98" spans="1:8" x14ac:dyDescent="0.25">
      <c r="A98" s="4" t="s">
        <v>385</v>
      </c>
      <c r="B98" s="6" t="s">
        <v>3721</v>
      </c>
      <c r="C98" s="2" t="s">
        <v>64</v>
      </c>
      <c r="D98" s="2" t="s">
        <v>64</v>
      </c>
      <c r="E98" s="2" t="s">
        <v>64</v>
      </c>
    </row>
    <row r="99" spans="1:8" x14ac:dyDescent="0.25">
      <c r="A99" s="4" t="s">
        <v>387</v>
      </c>
      <c r="B99" s="6" t="s">
        <v>3704</v>
      </c>
      <c r="C99" s="2" t="s">
        <v>64</v>
      </c>
      <c r="D99" s="2" t="s">
        <v>64</v>
      </c>
      <c r="E99" s="2" t="s">
        <v>64</v>
      </c>
    </row>
    <row r="100" spans="1:8" x14ac:dyDescent="0.25">
      <c r="A100" s="5" t="s">
        <v>389</v>
      </c>
      <c r="B100" s="7" t="s">
        <v>3722</v>
      </c>
      <c r="C100" s="3" t="s">
        <v>64</v>
      </c>
      <c r="D100" s="3" t="s">
        <v>64</v>
      </c>
      <c r="E100" s="3" t="s">
        <v>64</v>
      </c>
    </row>
    <row r="102" spans="1:8" x14ac:dyDescent="0.25">
      <c r="A102" s="8" t="s">
        <v>6</v>
      </c>
      <c r="B102" s="8" t="s">
        <v>3723</v>
      </c>
      <c r="C102" s="8" t="s">
        <v>3724</v>
      </c>
      <c r="D102" s="8" t="s">
        <v>7</v>
      </c>
      <c r="E102" s="8" t="s">
        <v>3724</v>
      </c>
    </row>
    <row r="103" spans="1:8" ht="21" x14ac:dyDescent="0.25">
      <c r="A103" s="8" t="s">
        <v>7</v>
      </c>
      <c r="B103" s="8" t="s">
        <v>7</v>
      </c>
      <c r="C103" s="1" t="s">
        <v>3714</v>
      </c>
      <c r="D103" s="1" t="s">
        <v>3725</v>
      </c>
      <c r="E103" s="1" t="s">
        <v>3716</v>
      </c>
    </row>
    <row r="104" spans="1:8" x14ac:dyDescent="0.25">
      <c r="A104" s="4" t="s">
        <v>398</v>
      </c>
      <c r="B104" s="6" t="s">
        <v>3726</v>
      </c>
      <c r="C104" s="2" t="s">
        <v>64</v>
      </c>
      <c r="D104" s="2" t="s">
        <v>64</v>
      </c>
      <c r="E104" s="2" t="s">
        <v>64</v>
      </c>
    </row>
    <row r="105" spans="1:8" x14ac:dyDescent="0.25">
      <c r="A105" s="4" t="s">
        <v>407</v>
      </c>
      <c r="B105" s="6" t="s">
        <v>3727</v>
      </c>
      <c r="C105" s="2" t="s">
        <v>64</v>
      </c>
      <c r="D105" s="2" t="s">
        <v>64</v>
      </c>
      <c r="E105" s="2" t="s">
        <v>64</v>
      </c>
    </row>
    <row r="106" spans="1:8" x14ac:dyDescent="0.25">
      <c r="A106" s="4" t="s">
        <v>409</v>
      </c>
      <c r="B106" s="6" t="s">
        <v>3728</v>
      </c>
      <c r="C106" s="2" t="s">
        <v>64</v>
      </c>
      <c r="D106" s="2" t="s">
        <v>64</v>
      </c>
      <c r="E106" s="2" t="s">
        <v>64</v>
      </c>
    </row>
    <row r="107" spans="1:8" x14ac:dyDescent="0.25">
      <c r="A107" s="4" t="s">
        <v>411</v>
      </c>
      <c r="B107" s="6" t="s">
        <v>3729</v>
      </c>
      <c r="C107" s="2" t="s">
        <v>64</v>
      </c>
      <c r="D107" s="2" t="s">
        <v>64</v>
      </c>
      <c r="E107" s="2" t="s">
        <v>64</v>
      </c>
    </row>
    <row r="108" spans="1:8" x14ac:dyDescent="0.25">
      <c r="A108" s="4" t="s">
        <v>413</v>
      </c>
      <c r="B108" s="6" t="s">
        <v>3730</v>
      </c>
      <c r="C108" s="2" t="s">
        <v>64</v>
      </c>
      <c r="D108" s="2" t="s">
        <v>64</v>
      </c>
      <c r="E108" s="2" t="s">
        <v>64</v>
      </c>
    </row>
    <row r="109" spans="1:8" x14ac:dyDescent="0.25">
      <c r="A109" s="4" t="s">
        <v>415</v>
      </c>
      <c r="B109" s="6" t="s">
        <v>3731</v>
      </c>
      <c r="C109" s="2" t="s">
        <v>64</v>
      </c>
      <c r="D109" s="2" t="s">
        <v>64</v>
      </c>
      <c r="E109" s="2" t="s">
        <v>64</v>
      </c>
    </row>
    <row r="110" spans="1:8" x14ac:dyDescent="0.25">
      <c r="A110" s="5" t="s">
        <v>417</v>
      </c>
      <c r="B110" s="7" t="s">
        <v>3732</v>
      </c>
      <c r="C110" s="3" t="s">
        <v>64</v>
      </c>
      <c r="D110" s="3" t="s">
        <v>64</v>
      </c>
      <c r="E110" s="3" t="s">
        <v>64</v>
      </c>
    </row>
    <row r="112" spans="1:8" x14ac:dyDescent="0.25">
      <c r="A112" s="8" t="s">
        <v>6</v>
      </c>
      <c r="B112" s="8" t="s">
        <v>3733</v>
      </c>
      <c r="C112" s="8" t="s">
        <v>796</v>
      </c>
      <c r="D112" s="8" t="s">
        <v>2605</v>
      </c>
      <c r="E112" s="8" t="s">
        <v>438</v>
      </c>
      <c r="F112" s="8" t="s">
        <v>7</v>
      </c>
      <c r="G112" s="8" t="s">
        <v>442</v>
      </c>
      <c r="H112" s="8" t="s">
        <v>442</v>
      </c>
    </row>
    <row r="113" spans="1:8" ht="21" x14ac:dyDescent="0.25">
      <c r="A113" s="8" t="s">
        <v>7</v>
      </c>
      <c r="B113" s="8" t="s">
        <v>7</v>
      </c>
      <c r="C113" s="8" t="s">
        <v>7</v>
      </c>
      <c r="D113" s="8" t="s">
        <v>7</v>
      </c>
      <c r="E113" s="1" t="s">
        <v>3734</v>
      </c>
      <c r="F113" s="1" t="s">
        <v>3735</v>
      </c>
      <c r="G113" s="1" t="s">
        <v>3736</v>
      </c>
      <c r="H113" s="1" t="s">
        <v>3737</v>
      </c>
    </row>
    <row r="114" spans="1:8" x14ac:dyDescent="0.25">
      <c r="A114" s="4" t="s">
        <v>418</v>
      </c>
      <c r="B114" s="6" t="s">
        <v>3738</v>
      </c>
      <c r="C114" s="2" t="s">
        <v>3739</v>
      </c>
      <c r="D114" s="2" t="s">
        <v>1155</v>
      </c>
      <c r="E114" s="2" t="s">
        <v>1157</v>
      </c>
      <c r="F114" s="2" t="s">
        <v>3740</v>
      </c>
      <c r="G114" s="2" t="s">
        <v>1161</v>
      </c>
      <c r="H114" s="2" t="s">
        <v>3741</v>
      </c>
    </row>
    <row r="115" spans="1:8" x14ac:dyDescent="0.25">
      <c r="A115" s="4" t="s">
        <v>419</v>
      </c>
      <c r="B115" s="6" t="s">
        <v>3742</v>
      </c>
      <c r="C115" s="2" t="s">
        <v>1165</v>
      </c>
      <c r="D115" s="2" t="s">
        <v>1166</v>
      </c>
      <c r="E115" s="2" t="s">
        <v>1168</v>
      </c>
      <c r="F115" s="2" t="s">
        <v>3743</v>
      </c>
      <c r="G115" s="2" t="s">
        <v>1172</v>
      </c>
      <c r="H115" s="2" t="s">
        <v>3744</v>
      </c>
    </row>
    <row r="116" spans="1:8" x14ac:dyDescent="0.25">
      <c r="A116" s="4" t="s">
        <v>421</v>
      </c>
      <c r="B116" s="6" t="s">
        <v>3745</v>
      </c>
      <c r="C116" s="2" t="s">
        <v>1176</v>
      </c>
      <c r="D116" s="2" t="s">
        <v>1177</v>
      </c>
      <c r="E116" s="2" t="s">
        <v>1179</v>
      </c>
      <c r="F116" s="2" t="s">
        <v>3746</v>
      </c>
      <c r="G116" s="2" t="s">
        <v>1183</v>
      </c>
      <c r="H116" s="2" t="s">
        <v>3747</v>
      </c>
    </row>
    <row r="117" spans="1:8" x14ac:dyDescent="0.25">
      <c r="A117" s="4" t="s">
        <v>423</v>
      </c>
      <c r="B117" s="6" t="s">
        <v>3748</v>
      </c>
      <c r="C117" s="2" t="s">
        <v>64</v>
      </c>
      <c r="D117" s="2" t="s">
        <v>64</v>
      </c>
      <c r="E117" s="2" t="s">
        <v>64</v>
      </c>
      <c r="F117" s="2" t="s">
        <v>64</v>
      </c>
      <c r="G117" s="2" t="s">
        <v>64</v>
      </c>
      <c r="H117" s="2" t="s">
        <v>64</v>
      </c>
    </row>
    <row r="118" spans="1:8" x14ac:dyDescent="0.25">
      <c r="A118" s="4" t="s">
        <v>425</v>
      </c>
      <c r="B118" s="6" t="s">
        <v>3749</v>
      </c>
      <c r="C118" s="2" t="s">
        <v>1188</v>
      </c>
      <c r="D118" s="2" t="s">
        <v>1189</v>
      </c>
      <c r="E118" s="2" t="s">
        <v>1191</v>
      </c>
      <c r="F118" s="2" t="s">
        <v>3750</v>
      </c>
      <c r="G118" s="2" t="s">
        <v>1195</v>
      </c>
      <c r="H118" s="2" t="s">
        <v>3751</v>
      </c>
    </row>
    <row r="119" spans="1:8" x14ac:dyDescent="0.25">
      <c r="A119" s="4" t="s">
        <v>429</v>
      </c>
      <c r="B119" s="6" t="s">
        <v>3752</v>
      </c>
      <c r="C119" s="2" t="s">
        <v>64</v>
      </c>
      <c r="D119" s="2" t="s">
        <v>64</v>
      </c>
      <c r="E119" s="2" t="s">
        <v>64</v>
      </c>
      <c r="F119" s="2" t="s">
        <v>64</v>
      </c>
      <c r="G119" s="2" t="s">
        <v>64</v>
      </c>
      <c r="H119" s="2" t="s">
        <v>64</v>
      </c>
    </row>
    <row r="120" spans="1:8" x14ac:dyDescent="0.25">
      <c r="A120" s="4" t="s">
        <v>431</v>
      </c>
      <c r="B120" s="6" t="s">
        <v>3753</v>
      </c>
      <c r="C120" s="2" t="s">
        <v>3754</v>
      </c>
      <c r="D120" s="2" t="s">
        <v>3755</v>
      </c>
      <c r="E120" s="2" t="s">
        <v>3756</v>
      </c>
      <c r="F120" s="2" t="s">
        <v>3757</v>
      </c>
      <c r="G120" s="2" t="s">
        <v>3758</v>
      </c>
      <c r="H120" s="2" t="s">
        <v>3759</v>
      </c>
    </row>
    <row r="121" spans="1:8" x14ac:dyDescent="0.25">
      <c r="A121" s="5" t="s">
        <v>433</v>
      </c>
      <c r="B121" s="7" t="s">
        <v>3707</v>
      </c>
      <c r="C121" s="3" t="s">
        <v>3623</v>
      </c>
      <c r="D121" s="3" t="s">
        <v>3624</v>
      </c>
      <c r="E121" s="3" t="s">
        <v>3625</v>
      </c>
      <c r="F121" s="3" t="s">
        <v>428</v>
      </c>
      <c r="G121" s="3" t="s">
        <v>3627</v>
      </c>
      <c r="H121" s="3" t="s">
        <v>428</v>
      </c>
    </row>
  </sheetData>
  <mergeCells count="59">
    <mergeCell ref="A3:H3"/>
    <mergeCell ref="A4:H4"/>
    <mergeCell ref="A5:H5"/>
    <mergeCell ref="A6:H6"/>
    <mergeCell ref="A7:H7"/>
    <mergeCell ref="A9:H9"/>
    <mergeCell ref="A10:A11"/>
    <mergeCell ref="B10:B11"/>
    <mergeCell ref="C10:C11"/>
    <mergeCell ref="D10:D11"/>
    <mergeCell ref="E10:F10"/>
    <mergeCell ref="A32:A33"/>
    <mergeCell ref="B32:B33"/>
    <mergeCell ref="C32:C33"/>
    <mergeCell ref="D32:D33"/>
    <mergeCell ref="E32:F32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abSelected="1" workbookViewId="0">
      <selection activeCell="C20" sqref="C20"/>
    </sheetView>
  </sheetViews>
  <sheetFormatPr defaultRowHeight="15" x14ac:dyDescent="0.25"/>
  <cols>
    <col min="1" max="1" width="3.28515625" bestFit="1" customWidth="1"/>
    <col min="2" max="2" width="63.85546875" bestFit="1" customWidth="1"/>
    <col min="3" max="3" width="57.7109375" bestFit="1" customWidth="1"/>
    <col min="4" max="4" width="18.5703125" bestFit="1" customWidth="1"/>
    <col min="5" max="13" width="9.7109375" bestFit="1" customWidth="1"/>
  </cols>
  <sheetData>
    <row r="3" spans="1:13" x14ac:dyDescent="0.25">
      <c r="A3" s="11" t="s">
        <v>0</v>
      </c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</row>
    <row r="4" spans="1:13" x14ac:dyDescent="0.25">
      <c r="A4" s="11" t="s">
        <v>1</v>
      </c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</row>
    <row r="5" spans="1:13" x14ac:dyDescent="0.25">
      <c r="A5" s="12" t="s">
        <v>3760</v>
      </c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</row>
    <row r="6" spans="1:13" x14ac:dyDescent="0.25">
      <c r="A6" s="11" t="s">
        <v>3</v>
      </c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</row>
    <row r="7" spans="1:13" x14ac:dyDescent="0.25">
      <c r="A7" s="11" t="s">
        <v>4</v>
      </c>
      <c r="B7" s="10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</row>
    <row r="9" spans="1:13" x14ac:dyDescent="0.25">
      <c r="A9" s="9" t="s">
        <v>3761</v>
      </c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</row>
    <row r="10" spans="1:13" x14ac:dyDescent="0.25">
      <c r="A10" s="8" t="s">
        <v>6</v>
      </c>
      <c r="B10" s="8" t="s">
        <v>3762</v>
      </c>
      <c r="C10" s="8" t="s">
        <v>3763</v>
      </c>
      <c r="D10" s="8" t="s">
        <v>3764</v>
      </c>
      <c r="E10" s="8" t="s">
        <v>3764</v>
      </c>
    </row>
    <row r="11" spans="1:13" ht="21" x14ac:dyDescent="0.25">
      <c r="A11" s="8" t="s">
        <v>7</v>
      </c>
      <c r="B11" s="8" t="s">
        <v>7</v>
      </c>
      <c r="C11" s="8" t="s">
        <v>7</v>
      </c>
      <c r="D11" s="1" t="s">
        <v>439</v>
      </c>
      <c r="E11" s="1" t="s">
        <v>3765</v>
      </c>
    </row>
    <row r="12" spans="1:13" x14ac:dyDescent="0.25">
      <c r="A12" s="5" t="s">
        <v>17</v>
      </c>
      <c r="B12" s="7" t="s">
        <v>3766</v>
      </c>
      <c r="C12" s="3" t="s">
        <v>64</v>
      </c>
      <c r="D12" s="3" t="s">
        <v>64</v>
      </c>
      <c r="E12" s="3" t="s">
        <v>64</v>
      </c>
    </row>
    <row r="13" spans="1:13" x14ac:dyDescent="0.25">
      <c r="A13" s="4" t="s">
        <v>26</v>
      </c>
      <c r="B13" s="6" t="s">
        <v>3767</v>
      </c>
      <c r="C13" s="2" t="s">
        <v>64</v>
      </c>
      <c r="D13" s="2" t="s">
        <v>64</v>
      </c>
      <c r="E13" s="2" t="s">
        <v>64</v>
      </c>
    </row>
    <row r="14" spans="1:13" x14ac:dyDescent="0.25">
      <c r="A14" s="5" t="s">
        <v>35</v>
      </c>
      <c r="B14" s="7" t="s">
        <v>3768</v>
      </c>
      <c r="C14" s="3" t="s">
        <v>64</v>
      </c>
      <c r="D14" s="3" t="s">
        <v>64</v>
      </c>
      <c r="E14" s="3" t="s">
        <v>64</v>
      </c>
    </row>
    <row r="15" spans="1:13" x14ac:dyDescent="0.25">
      <c r="A15" s="4" t="s">
        <v>44</v>
      </c>
      <c r="B15" s="6" t="s">
        <v>3769</v>
      </c>
      <c r="C15" s="2" t="s">
        <v>64</v>
      </c>
      <c r="D15" s="2" t="s">
        <v>64</v>
      </c>
      <c r="E15" s="2" t="s">
        <v>64</v>
      </c>
    </row>
    <row r="16" spans="1:13" x14ac:dyDescent="0.25">
      <c r="A16" s="4" t="s">
        <v>53</v>
      </c>
      <c r="B16" s="6" t="s">
        <v>3770</v>
      </c>
      <c r="C16" s="2" t="s">
        <v>64</v>
      </c>
      <c r="D16" s="2" t="s">
        <v>64</v>
      </c>
      <c r="E16" s="2" t="s">
        <v>64</v>
      </c>
    </row>
    <row r="17" spans="1:13" x14ac:dyDescent="0.25">
      <c r="A17" s="4" t="s">
        <v>62</v>
      </c>
      <c r="B17" s="6" t="s">
        <v>3771</v>
      </c>
      <c r="C17" s="2" t="s">
        <v>64</v>
      </c>
      <c r="D17" s="2" t="s">
        <v>64</v>
      </c>
      <c r="E17" s="2" t="s">
        <v>64</v>
      </c>
    </row>
    <row r="18" spans="1:13" x14ac:dyDescent="0.25">
      <c r="A18" s="5" t="s">
        <v>65</v>
      </c>
      <c r="B18" s="7" t="s">
        <v>3772</v>
      </c>
      <c r="C18" s="3" t="s">
        <v>64</v>
      </c>
      <c r="D18" s="3" t="s">
        <v>64</v>
      </c>
      <c r="E18" s="3" t="s">
        <v>64</v>
      </c>
    </row>
    <row r="19" spans="1:13" x14ac:dyDescent="0.25">
      <c r="A19" s="4" t="s">
        <v>74</v>
      </c>
      <c r="B19" s="6" t="s">
        <v>3773</v>
      </c>
      <c r="C19" s="2" t="s">
        <v>64</v>
      </c>
      <c r="D19" s="2" t="s">
        <v>64</v>
      </c>
      <c r="E19" s="2" t="s">
        <v>64</v>
      </c>
    </row>
    <row r="20" spans="1:13" x14ac:dyDescent="0.25">
      <c r="A20" s="4" t="s">
        <v>76</v>
      </c>
      <c r="B20" s="6" t="s">
        <v>3774</v>
      </c>
      <c r="C20" s="2" t="s">
        <v>64</v>
      </c>
      <c r="D20" s="2" t="s">
        <v>64</v>
      </c>
      <c r="E20" s="2" t="s">
        <v>64</v>
      </c>
    </row>
    <row r="21" spans="1:13" x14ac:dyDescent="0.25">
      <c r="A21" s="4" t="s">
        <v>78</v>
      </c>
      <c r="B21" s="6" t="s">
        <v>3775</v>
      </c>
      <c r="C21" s="2" t="s">
        <v>64</v>
      </c>
      <c r="D21" s="2" t="s">
        <v>64</v>
      </c>
      <c r="E21" s="2" t="s">
        <v>64</v>
      </c>
    </row>
    <row r="22" spans="1:13" x14ac:dyDescent="0.25">
      <c r="A22" s="4" t="s">
        <v>80</v>
      </c>
      <c r="B22" s="6" t="s">
        <v>3776</v>
      </c>
      <c r="C22" s="2" t="s">
        <v>64</v>
      </c>
      <c r="D22" s="2" t="s">
        <v>64</v>
      </c>
      <c r="E22" s="2" t="s">
        <v>64</v>
      </c>
    </row>
    <row r="24" spans="1:13" x14ac:dyDescent="0.25">
      <c r="A24" s="8" t="s">
        <v>6</v>
      </c>
      <c r="B24" s="8" t="s">
        <v>3777</v>
      </c>
      <c r="C24" s="8" t="s">
        <v>3778</v>
      </c>
      <c r="D24" s="8" t="s">
        <v>3779</v>
      </c>
      <c r="E24" s="8" t="s">
        <v>3780</v>
      </c>
      <c r="F24" s="8" t="s">
        <v>3781</v>
      </c>
      <c r="G24" s="8" t="s">
        <v>3782</v>
      </c>
      <c r="H24" s="8" t="s">
        <v>3783</v>
      </c>
      <c r="I24" s="8" t="s">
        <v>3784</v>
      </c>
      <c r="J24" s="8" t="s">
        <v>3785</v>
      </c>
      <c r="K24" s="8" t="s">
        <v>3786</v>
      </c>
      <c r="L24" s="8" t="s">
        <v>3787</v>
      </c>
      <c r="M24" s="8" t="s">
        <v>3788</v>
      </c>
    </row>
    <row r="25" spans="1:13" x14ac:dyDescent="0.25">
      <c r="A25" s="8" t="s">
        <v>7</v>
      </c>
      <c r="B25" s="8" t="s">
        <v>7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5">
      <c r="A26" s="4" t="s">
        <v>82</v>
      </c>
      <c r="B26" s="6" t="s">
        <v>3789</v>
      </c>
      <c r="C26" s="2" t="s">
        <v>64</v>
      </c>
      <c r="D26" s="2" t="s">
        <v>64</v>
      </c>
      <c r="E26" s="2" t="s">
        <v>64</v>
      </c>
      <c r="F26" s="2" t="s">
        <v>64</v>
      </c>
      <c r="G26" s="2" t="s">
        <v>64</v>
      </c>
      <c r="H26" s="2" t="s">
        <v>64</v>
      </c>
      <c r="I26" s="2" t="s">
        <v>64</v>
      </c>
      <c r="J26" s="2" t="s">
        <v>64</v>
      </c>
      <c r="K26" s="2" t="s">
        <v>64</v>
      </c>
      <c r="L26" s="2" t="s">
        <v>64</v>
      </c>
      <c r="M26" s="2" t="s">
        <v>64</v>
      </c>
    </row>
    <row r="27" spans="1:13" x14ac:dyDescent="0.25">
      <c r="A27" s="4" t="s">
        <v>91</v>
      </c>
      <c r="B27" s="6" t="s">
        <v>3790</v>
      </c>
      <c r="C27" s="2" t="s">
        <v>64</v>
      </c>
      <c r="D27" s="2" t="s">
        <v>64</v>
      </c>
      <c r="E27" s="2" t="s">
        <v>64</v>
      </c>
      <c r="F27" s="2" t="s">
        <v>64</v>
      </c>
      <c r="G27" s="2" t="s">
        <v>64</v>
      </c>
      <c r="H27" s="2" t="s">
        <v>64</v>
      </c>
      <c r="I27" s="2" t="s">
        <v>64</v>
      </c>
      <c r="J27" s="2" t="s">
        <v>64</v>
      </c>
      <c r="K27" s="2" t="s">
        <v>64</v>
      </c>
      <c r="L27" s="2" t="s">
        <v>64</v>
      </c>
      <c r="M27" s="2" t="s">
        <v>64</v>
      </c>
    </row>
    <row r="28" spans="1:13" x14ac:dyDescent="0.25">
      <c r="A28" s="4" t="s">
        <v>100</v>
      </c>
      <c r="B28" s="6" t="s">
        <v>3791</v>
      </c>
      <c r="C28" s="2" t="s">
        <v>64</v>
      </c>
      <c r="D28" s="2" t="s">
        <v>64</v>
      </c>
      <c r="E28" s="2" t="s">
        <v>64</v>
      </c>
      <c r="F28" s="2" t="s">
        <v>64</v>
      </c>
      <c r="G28" s="2" t="s">
        <v>64</v>
      </c>
      <c r="H28" s="2" t="s">
        <v>64</v>
      </c>
      <c r="I28" s="2" t="s">
        <v>64</v>
      </c>
      <c r="J28" s="2" t="s">
        <v>64</v>
      </c>
      <c r="K28" s="2" t="s">
        <v>64</v>
      </c>
      <c r="L28" s="2" t="s">
        <v>64</v>
      </c>
      <c r="M28" s="2" t="s">
        <v>64</v>
      </c>
    </row>
    <row r="29" spans="1:13" x14ac:dyDescent="0.25">
      <c r="A29" s="4" t="s">
        <v>109</v>
      </c>
      <c r="B29" s="6" t="s">
        <v>3792</v>
      </c>
      <c r="C29" s="2" t="s">
        <v>64</v>
      </c>
      <c r="D29" s="2" t="s">
        <v>64</v>
      </c>
      <c r="E29" s="2" t="s">
        <v>64</v>
      </c>
      <c r="F29" s="2" t="s">
        <v>64</v>
      </c>
      <c r="G29" s="2" t="s">
        <v>64</v>
      </c>
      <c r="H29" s="2" t="s">
        <v>64</v>
      </c>
      <c r="I29" s="2" t="s">
        <v>64</v>
      </c>
      <c r="J29" s="2" t="s">
        <v>64</v>
      </c>
      <c r="K29" s="2" t="s">
        <v>64</v>
      </c>
      <c r="L29" s="2" t="s">
        <v>64</v>
      </c>
      <c r="M29" s="2" t="s">
        <v>64</v>
      </c>
    </row>
    <row r="30" spans="1:13" x14ac:dyDescent="0.25">
      <c r="A30" s="4" t="s">
        <v>111</v>
      </c>
      <c r="B30" s="6" t="s">
        <v>3793</v>
      </c>
      <c r="C30" s="2" t="s">
        <v>3794</v>
      </c>
      <c r="D30" s="2" t="s">
        <v>2479</v>
      </c>
      <c r="E30" s="2" t="s">
        <v>64</v>
      </c>
      <c r="F30" s="2" t="s">
        <v>64</v>
      </c>
      <c r="G30" s="2" t="s">
        <v>64</v>
      </c>
      <c r="H30" s="2" t="s">
        <v>64</v>
      </c>
      <c r="I30" s="2" t="s">
        <v>64</v>
      </c>
      <c r="J30" s="2" t="s">
        <v>64</v>
      </c>
      <c r="K30" s="2" t="s">
        <v>64</v>
      </c>
      <c r="L30" s="2" t="s">
        <v>64</v>
      </c>
      <c r="M30" s="2" t="s">
        <v>64</v>
      </c>
    </row>
    <row r="31" spans="1:13" x14ac:dyDescent="0.25">
      <c r="A31" s="5" t="s">
        <v>119</v>
      </c>
      <c r="B31" s="7" t="s">
        <v>3795</v>
      </c>
      <c r="C31" s="3" t="s">
        <v>64</v>
      </c>
      <c r="D31" s="3" t="s">
        <v>64</v>
      </c>
      <c r="E31" s="3" t="s">
        <v>64</v>
      </c>
      <c r="F31" s="3" t="s">
        <v>64</v>
      </c>
      <c r="G31" s="3" t="s">
        <v>64</v>
      </c>
      <c r="H31" s="3" t="s">
        <v>64</v>
      </c>
      <c r="I31" s="3" t="s">
        <v>64</v>
      </c>
      <c r="J31" s="3" t="s">
        <v>64</v>
      </c>
      <c r="K31" s="3" t="s">
        <v>64</v>
      </c>
      <c r="L31" s="3" t="s">
        <v>64</v>
      </c>
      <c r="M31" s="3" t="s">
        <v>64</v>
      </c>
    </row>
    <row r="32" spans="1:13" x14ac:dyDescent="0.25">
      <c r="A32" s="4" t="s">
        <v>121</v>
      </c>
      <c r="B32" s="6" t="s">
        <v>3796</v>
      </c>
      <c r="C32" s="2" t="s">
        <v>64</v>
      </c>
      <c r="D32" s="2" t="s">
        <v>64</v>
      </c>
      <c r="E32" s="2" t="s">
        <v>64</v>
      </c>
      <c r="F32" s="2" t="s">
        <v>64</v>
      </c>
      <c r="G32" s="2" t="s">
        <v>64</v>
      </c>
      <c r="H32" s="2" t="s">
        <v>64</v>
      </c>
      <c r="I32" s="2" t="s">
        <v>64</v>
      </c>
      <c r="J32" s="2" t="s">
        <v>64</v>
      </c>
      <c r="K32" s="2" t="s">
        <v>64</v>
      </c>
      <c r="L32" s="2" t="s">
        <v>64</v>
      </c>
      <c r="M32" s="2" t="s">
        <v>64</v>
      </c>
    </row>
  </sheetData>
  <mergeCells count="23">
    <mergeCell ref="A3:M3"/>
    <mergeCell ref="A4:M4"/>
    <mergeCell ref="A5:M5"/>
    <mergeCell ref="A6:M6"/>
    <mergeCell ref="A7:M7"/>
    <mergeCell ref="A9:M9"/>
    <mergeCell ref="A10:A11"/>
    <mergeCell ref="B10:B11"/>
    <mergeCell ref="C10:C11"/>
    <mergeCell ref="D10:E10"/>
    <mergeCell ref="A24:A25"/>
    <mergeCell ref="B24:B25"/>
    <mergeCell ref="C24:C25"/>
    <mergeCell ref="D24:D25"/>
    <mergeCell ref="E24:E25"/>
    <mergeCell ref="K24:K25"/>
    <mergeCell ref="L24:L25"/>
    <mergeCell ref="M24:M25"/>
    <mergeCell ref="F24:F25"/>
    <mergeCell ref="G24:G25"/>
    <mergeCell ref="H24:H25"/>
    <mergeCell ref="I24:I25"/>
    <mergeCell ref="J24:J25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egina Celia  Ferreira Lemes</cp:lastModifiedBy>
  <dcterms:created xsi:type="dcterms:W3CDTF">2018-11-29T13:55:20Z</dcterms:created>
  <dcterms:modified xsi:type="dcterms:W3CDTF">2018-12-11T13:17:06Z</dcterms:modified>
</cp:coreProperties>
</file>